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2"/>
  </p:notesMasterIdLst>
  <p:sldIdLst>
    <p:sldId id="279" r:id="rId2"/>
    <p:sldId id="258" r:id="rId3"/>
    <p:sldId id="276" r:id="rId4"/>
    <p:sldId id="259" r:id="rId5"/>
    <p:sldId id="260" r:id="rId6"/>
    <p:sldId id="285" r:id="rId7"/>
    <p:sldId id="264" r:id="rId8"/>
    <p:sldId id="261" r:id="rId9"/>
    <p:sldId id="286" r:id="rId10"/>
    <p:sldId id="280" r:id="rId11"/>
    <p:sldId id="281" r:id="rId12"/>
    <p:sldId id="290" r:id="rId13"/>
    <p:sldId id="282" r:id="rId14"/>
    <p:sldId id="287" r:id="rId15"/>
    <p:sldId id="288" r:id="rId16"/>
    <p:sldId id="289" r:id="rId17"/>
    <p:sldId id="275" r:id="rId18"/>
    <p:sldId id="274" r:id="rId19"/>
    <p:sldId id="284" r:id="rId20"/>
    <p:sldId id="272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FFCC"/>
    <a:srgbClr val="A6FA67"/>
    <a:srgbClr val="CCCCFF"/>
    <a:srgbClr val="43B51F"/>
    <a:srgbClr val="00CC00"/>
    <a:srgbClr val="33CC33"/>
    <a:srgbClr val="FFFF99"/>
    <a:srgbClr val="FFCC99"/>
    <a:srgbClr val="93CCDD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73" autoAdjust="0"/>
    <p:restoredTop sz="94280" autoAdjust="0"/>
  </p:normalViewPr>
  <p:slideViewPr>
    <p:cSldViewPr snapToGrid="0">
      <p:cViewPr varScale="1">
        <p:scale>
          <a:sx n="84" d="100"/>
          <a:sy n="84" d="100"/>
        </p:scale>
        <p:origin x="518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82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9F8BD0-CA6B-4BF6-92AC-75BFA8410DA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E170BB-555C-433A-811A-C460ED3481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9933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75890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27750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0436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647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7854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6716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104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80232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145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98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39145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727C59-025E-4BC0-BF9B-87C8D1A0DDC5}" type="datetimeFigureOut">
              <a:rPr lang="en-US" smtClean="0"/>
              <a:t>3/13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687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1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9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hyperlink" Target="http://vk.com/daniel_burlaka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8848792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797625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579756" y="1398353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птичний сканер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913" y="1651222"/>
            <a:ext cx="6920635" cy="35555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26462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6" y="39970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Ємнісний 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8" y="4396308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8579756" y="1398353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3" t="4271" r="2703" b="4776"/>
          <a:stretch/>
        </p:blipFill>
        <p:spPr>
          <a:xfrm>
            <a:off x="386862" y="1301263"/>
            <a:ext cx="7150010" cy="42320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54209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5" y="4640212"/>
            <a:ext cx="336342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Ультразвуковий</a:t>
            </a:r>
          </a:p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4" y="5039484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8579756" y="2828836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Ємнісний сканер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2999" y="1667794"/>
            <a:ext cx="5913383" cy="35224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449363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тотипи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26673" y="-568038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792292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874243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6204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20161010_180149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03019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0" y="1360557"/>
            <a:ext cx="6096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Продажі онлайн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85416" y="231984"/>
            <a:ext cx="220284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Продаж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Магазини, спеціалізовані на електроніці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3132443" y="3013501"/>
            <a:ext cx="281519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~</a:t>
            </a:r>
            <a:r>
              <a:rPr lang="ru-RU" sz="4800" b="1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30</a:t>
            </a:r>
            <a:r>
              <a:rPr lang="en-US" sz="4800" b="1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0-</a:t>
            </a:r>
            <a:r>
              <a:rPr lang="ru-RU" sz="4800" b="1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4</a:t>
            </a:r>
            <a:r>
              <a:rPr lang="en-US" sz="4800" b="1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00</a:t>
            </a:r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$</a:t>
            </a:r>
            <a:endParaRPr lang="uk-UA" sz="4800" b="1" dirty="0">
              <a:solidFill>
                <a:prstClr val="black">
                  <a:lumMod val="75000"/>
                  <a:lumOff val="25000"/>
                </a:prstClr>
              </a:solidFill>
              <a:latin typeface="Calibri Light" panose="020F0302020204030204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26204" y="1680453"/>
            <a:ext cx="6757481" cy="5068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79506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315703" y="255309"/>
            <a:ext cx="294183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Маркетинг</a:t>
            </a:r>
            <a:endParaRPr lang="uk-UA" sz="4800" b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096000" y="1052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обота з блогерами та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 </a:t>
            </a: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 журналістами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еклама через 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Google AdWords, Facebook Ads</a:t>
            </a:r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85" y="2733675"/>
            <a:ext cx="4629150" cy="412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427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" name="OTLSHAPE_T_4c4e083862534918ba8d673cb3316260_LeftVerticalConnector1" hidden="1"/>
          <p:cNvCxnSpPr/>
          <p:nvPr>
            <p:custDataLst>
              <p:tags r:id="rId2"/>
            </p:custDataLst>
          </p:nvPr>
        </p:nvCxnSpPr>
        <p:spPr>
          <a:xfrm>
            <a:off x="4266572" y="1672251"/>
            <a:ext cx="0" cy="34712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ce253e8b9aed4f6ea891923ed4c21248_LeftVerticalConnector2" hidden="1"/>
          <p:cNvCxnSpPr/>
          <p:nvPr>
            <p:custDataLst>
              <p:tags r:id="rId3"/>
            </p:custDataLst>
          </p:nvPr>
        </p:nvCxnSpPr>
        <p:spPr>
          <a:xfrm>
            <a:off x="6096000" y="2472351"/>
            <a:ext cx="0" cy="16390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ce253e8b9aed4f6ea891923ed4c21248_LeftVerticalConnector3" hidden="1"/>
          <p:cNvCxnSpPr/>
          <p:nvPr>
            <p:custDataLst>
              <p:tags r:id="rId4"/>
            </p:custDataLst>
          </p:nvPr>
        </p:nvCxnSpPr>
        <p:spPr>
          <a:xfrm>
            <a:off x="6096000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ceb7f90d9ec84d8fa42334e9a5619187_LeftVerticalConnector1" hidden="1"/>
          <p:cNvCxnSpPr/>
          <p:nvPr>
            <p:custDataLst>
              <p:tags r:id="rId5"/>
            </p:custDataLst>
          </p:nvPr>
        </p:nvCxnSpPr>
        <p:spPr>
          <a:xfrm>
            <a:off x="4761594" y="2472351"/>
            <a:ext cx="0" cy="2104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ceb7f90d9ec84d8fa42334e9a5619187_LeftVerticalConnector3" hidden="1"/>
          <p:cNvCxnSpPr/>
          <p:nvPr>
            <p:custDataLst>
              <p:tags r:id="rId6"/>
            </p:custDataLst>
          </p:nvPr>
        </p:nvCxnSpPr>
        <p:spPr>
          <a:xfrm>
            <a:off x="4761594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223971a816364313bb9cce5653d9776a_LeftVerticalConnector1" hidden="1"/>
          <p:cNvCxnSpPr/>
          <p:nvPr>
            <p:custDataLst>
              <p:tags r:id="rId7"/>
            </p:custDataLst>
          </p:nvPr>
        </p:nvCxnSpPr>
        <p:spPr>
          <a:xfrm>
            <a:off x="6720158" y="2739051"/>
            <a:ext cx="0" cy="13723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223971a816364313bb9cce5653d9776a_LeftVerticalConnector2" hidden="1"/>
          <p:cNvCxnSpPr/>
          <p:nvPr>
            <p:custDataLst>
              <p:tags r:id="rId8"/>
            </p:custDataLst>
          </p:nvPr>
        </p:nvCxnSpPr>
        <p:spPr>
          <a:xfrm>
            <a:off x="6720158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96d63f33e066474fa9b22a3ed7f1e75a_LeftVerticalConnector1" hidden="1"/>
          <p:cNvCxnSpPr/>
          <p:nvPr>
            <p:custDataLst>
              <p:tags r:id="rId9"/>
            </p:custDataLst>
          </p:nvPr>
        </p:nvCxnSpPr>
        <p:spPr>
          <a:xfrm>
            <a:off x="7387361" y="3005751"/>
            <a:ext cx="0" cy="15709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96d63f33e066474fa9b22a3ed7f1e75a_LeftVerticalConnector3" hidden="1"/>
          <p:cNvCxnSpPr/>
          <p:nvPr>
            <p:custDataLst>
              <p:tags r:id="rId10"/>
            </p:custDataLst>
          </p:nvPr>
        </p:nvCxnSpPr>
        <p:spPr>
          <a:xfrm>
            <a:off x="7387361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9fd7f42b298d4f82b02731231558107d_LeftVerticalConnector1" hidden="1"/>
          <p:cNvCxnSpPr/>
          <p:nvPr>
            <p:custDataLst>
              <p:tags r:id="rId11"/>
            </p:custDataLst>
          </p:nvPr>
        </p:nvCxnSpPr>
        <p:spPr>
          <a:xfrm>
            <a:off x="8700245" y="3272451"/>
            <a:ext cx="0" cy="18710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T_b83ce1365db3487a8f669ba3f58c343f_ShapePercentage" hidden="1"/>
          <p:cNvSpPr/>
          <p:nvPr>
            <p:custDataLst>
              <p:tags r:id="rId12"/>
            </p:custDataLst>
          </p:nvPr>
        </p:nvSpPr>
        <p:spPr>
          <a:xfrm>
            <a:off x="973601" y="6689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0" name="OTLSHAPE_T_b83ce1365db3487a8f669ba3f58c343f_Duration" hidden="1"/>
          <p:cNvSpPr txBox="1"/>
          <p:nvPr>
            <p:custDataLst>
              <p:tags r:id="rId13"/>
            </p:custDataLst>
          </p:nvPr>
        </p:nvSpPr>
        <p:spPr>
          <a:xfrm>
            <a:off x="0" y="6689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b83ce1365db3487a8f669ba3f58c343f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b83ce1365db3487a8f669ba3f58c343f_StartDate" hidden="1"/>
          <p:cNvSpPr txBox="1"/>
          <p:nvPr>
            <p:custDataLst>
              <p:tags r:id="rId15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b83ce1365db3487a8f669ba3f58c343f_EndDate" hidden="1"/>
          <p:cNvSpPr txBox="1"/>
          <p:nvPr>
            <p:custDataLst>
              <p:tags r:id="rId16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1befc175e8d447f7a254654832b6d9f1_ShapePercentage" hidden="1"/>
          <p:cNvSpPr/>
          <p:nvPr>
            <p:custDataLst>
              <p:tags r:id="rId17"/>
            </p:custDataLst>
          </p:nvPr>
        </p:nvSpPr>
        <p:spPr>
          <a:xfrm>
            <a:off x="2803029" y="9356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8" name="OTLSHAPE_T_1befc175e8d447f7a254654832b6d9f1_Duration" hidden="1"/>
          <p:cNvSpPr txBox="1"/>
          <p:nvPr>
            <p:custDataLst>
              <p:tags r:id="rId18"/>
            </p:custDataLst>
          </p:nvPr>
        </p:nvSpPr>
        <p:spPr>
          <a:xfrm>
            <a:off x="0" y="935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2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befc175e8d447f7a254654832b6d9f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befc175e8d447f7a254654832b6d9f1_StartDate" hidden="1"/>
          <p:cNvSpPr txBox="1"/>
          <p:nvPr>
            <p:custDataLst>
              <p:tags r:id="rId20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befc175e8d447f7a254654832b6d9f1_EndDate" hidden="1"/>
          <p:cNvSpPr txBox="1"/>
          <p:nvPr>
            <p:custDataLst>
              <p:tags r:id="rId21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abfc0e7db6964123805af280a17dd6f2_ShapePercentage" hidden="1"/>
          <p:cNvSpPr/>
          <p:nvPr>
            <p:custDataLst>
              <p:tags r:id="rId22"/>
            </p:custDataLst>
          </p:nvPr>
        </p:nvSpPr>
        <p:spPr>
          <a:xfrm>
            <a:off x="3061302" y="12023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26" name="OTLSHAPE_T_abfc0e7db6964123805af280a17dd6f2_Duration" hidden="1"/>
          <p:cNvSpPr txBox="1"/>
          <p:nvPr>
            <p:custDataLst>
              <p:tags r:id="rId23"/>
            </p:custDataLst>
          </p:nvPr>
        </p:nvSpPr>
        <p:spPr>
          <a:xfrm>
            <a:off x="0" y="12023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abfc0e7db6964123805af280a17dd6f2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abfc0e7db6964123805af280a17dd6f2_StartDate" hidden="1"/>
          <p:cNvSpPr txBox="1"/>
          <p:nvPr>
            <p:custDataLst>
              <p:tags r:id="rId25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abfc0e7db6964123805af280a17dd6f2_EndDate" hidden="1"/>
          <p:cNvSpPr txBox="1"/>
          <p:nvPr>
            <p:custDataLst>
              <p:tags r:id="rId26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4c4e083862534918ba8d673cb3316260_ShapePercentage" hidden="1"/>
          <p:cNvSpPr/>
          <p:nvPr>
            <p:custDataLst>
              <p:tags r:id="rId27"/>
            </p:custDataLst>
          </p:nvPr>
        </p:nvSpPr>
        <p:spPr>
          <a:xfrm>
            <a:off x="4266572" y="14690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34" name="OTLSHAPE_T_4c4e083862534918ba8d673cb3316260_Duration" hidden="1"/>
          <p:cNvSpPr txBox="1"/>
          <p:nvPr>
            <p:custDataLst>
              <p:tags r:id="rId28"/>
            </p:custDataLst>
          </p:nvPr>
        </p:nvSpPr>
        <p:spPr>
          <a:xfrm>
            <a:off x="0" y="14690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4c4e083862534918ba8d673cb3316260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4c4e083862534918ba8d673cb3316260_StartDate" hidden="1"/>
          <p:cNvSpPr txBox="1"/>
          <p:nvPr>
            <p:custDataLst>
              <p:tags r:id="rId30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4c4e083862534918ba8d673cb3316260_EndDate" hidden="1"/>
          <p:cNvSpPr txBox="1"/>
          <p:nvPr>
            <p:custDataLst>
              <p:tags r:id="rId31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49b80e099254f7081ea98b9c5780819_ShapePercentage" hidden="1"/>
          <p:cNvSpPr/>
          <p:nvPr>
            <p:custDataLst>
              <p:tags r:id="rId32"/>
            </p:custDataLst>
          </p:nvPr>
        </p:nvSpPr>
        <p:spPr>
          <a:xfrm>
            <a:off x="4761594" y="1735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42" name="OTLSHAPE_T_749b80e099254f7081ea98b9c5780819_Duration" hidden="1"/>
          <p:cNvSpPr txBox="1"/>
          <p:nvPr>
            <p:custDataLst>
              <p:tags r:id="rId33"/>
            </p:custDataLst>
          </p:nvPr>
        </p:nvSpPr>
        <p:spPr>
          <a:xfrm>
            <a:off x="0" y="17357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749b80e099254f7081ea98b9c578081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749b80e099254f7081ea98b9c5780819_StartDate" hidden="1"/>
          <p:cNvSpPr txBox="1"/>
          <p:nvPr>
            <p:custDataLst>
              <p:tags r:id="rId35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749b80e099254f7081ea98b9c5780819_EndDate" hidden="1"/>
          <p:cNvSpPr txBox="1"/>
          <p:nvPr>
            <p:custDataLst>
              <p:tags r:id="rId36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ce253e8b9aed4f6ea891923ed4c21248_ShapePercentage" hidden="1"/>
          <p:cNvSpPr/>
          <p:nvPr>
            <p:custDataLst>
              <p:tags r:id="rId37"/>
            </p:custDataLst>
          </p:nvPr>
        </p:nvSpPr>
        <p:spPr>
          <a:xfrm>
            <a:off x="6096000" y="20024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0" name="OTLSHAPE_T_ce253e8b9aed4f6ea891923ed4c21248_Duration" hidden="1"/>
          <p:cNvSpPr txBox="1"/>
          <p:nvPr>
            <p:custDataLst>
              <p:tags r:id="rId38"/>
            </p:custDataLst>
          </p:nvPr>
        </p:nvSpPr>
        <p:spPr>
          <a:xfrm>
            <a:off x="0" y="20024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e253e8b9aed4f6ea891923ed4c21248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e253e8b9aed4f6ea891923ed4c21248_StartDate" hidden="1"/>
          <p:cNvSpPr txBox="1"/>
          <p:nvPr>
            <p:custDataLst>
              <p:tags r:id="rId40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ce253e8b9aed4f6ea891923ed4c21248_EndDate" hidden="1"/>
          <p:cNvSpPr txBox="1"/>
          <p:nvPr>
            <p:custDataLst>
              <p:tags r:id="rId41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ceb7f90d9ec84d8fa42334e9a5619187_ShapePercentage" hidden="1"/>
          <p:cNvSpPr/>
          <p:nvPr>
            <p:custDataLst>
              <p:tags r:id="rId42"/>
            </p:custDataLst>
          </p:nvPr>
        </p:nvSpPr>
        <p:spPr>
          <a:xfrm>
            <a:off x="4761594" y="22691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8" name="OTLSHAPE_T_ceb7f90d9ec84d8fa42334e9a5619187_Duration" hidden="1"/>
          <p:cNvSpPr txBox="1"/>
          <p:nvPr>
            <p:custDataLst>
              <p:tags r:id="rId43"/>
            </p:custDataLst>
          </p:nvPr>
        </p:nvSpPr>
        <p:spPr>
          <a:xfrm>
            <a:off x="0" y="22691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eb7f90d9ec84d8fa42334e9a561918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eb7f90d9ec84d8fa42334e9a5619187_StartDate" hidden="1"/>
          <p:cNvSpPr txBox="1"/>
          <p:nvPr>
            <p:custDataLst>
              <p:tags r:id="rId45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ceb7f90d9ec84d8fa42334e9a5619187_EndDate" hidden="1"/>
          <p:cNvSpPr txBox="1"/>
          <p:nvPr>
            <p:custDataLst>
              <p:tags r:id="rId46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223971a816364313bb9cce5653d9776a_ShapePercentage" hidden="1"/>
          <p:cNvSpPr/>
          <p:nvPr>
            <p:custDataLst>
              <p:tags r:id="rId47"/>
            </p:custDataLst>
          </p:nvPr>
        </p:nvSpPr>
        <p:spPr>
          <a:xfrm>
            <a:off x="6720158" y="25358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66" name="OTLSHAPE_T_223971a816364313bb9cce5653d9776a_Duration" hidden="1"/>
          <p:cNvSpPr txBox="1"/>
          <p:nvPr>
            <p:custDataLst>
              <p:tags r:id="rId48"/>
            </p:custDataLst>
          </p:nvPr>
        </p:nvSpPr>
        <p:spPr>
          <a:xfrm>
            <a:off x="0" y="25358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1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223971a816364313bb9cce5653d9776a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223971a816364313bb9cce5653d9776a_StartDate" hidden="1"/>
          <p:cNvSpPr txBox="1"/>
          <p:nvPr>
            <p:custDataLst>
              <p:tags r:id="rId50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223971a816364313bb9cce5653d9776a_EndDate" hidden="1"/>
          <p:cNvSpPr txBox="1"/>
          <p:nvPr>
            <p:custDataLst>
              <p:tags r:id="rId51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96d63f33e066474fa9b22a3ed7f1e75a_ShapePercentage" hidden="1"/>
          <p:cNvSpPr/>
          <p:nvPr>
            <p:custDataLst>
              <p:tags r:id="rId52"/>
            </p:custDataLst>
          </p:nvPr>
        </p:nvSpPr>
        <p:spPr>
          <a:xfrm>
            <a:off x="7387361" y="28025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74" name="OTLSHAPE_T_96d63f33e066474fa9b22a3ed7f1e75a_Duration" hidden="1"/>
          <p:cNvSpPr txBox="1"/>
          <p:nvPr>
            <p:custDataLst>
              <p:tags r:id="rId53"/>
            </p:custDataLst>
          </p:nvPr>
        </p:nvSpPr>
        <p:spPr>
          <a:xfrm>
            <a:off x="0" y="28025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96d63f33e066474fa9b22a3ed7f1e75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96d63f33e066474fa9b22a3ed7f1e75a_StartDate" hidden="1"/>
          <p:cNvSpPr txBox="1"/>
          <p:nvPr>
            <p:custDataLst>
              <p:tags r:id="rId55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96d63f33e066474fa9b22a3ed7f1e75a_EndDate" hidden="1"/>
          <p:cNvSpPr txBox="1"/>
          <p:nvPr>
            <p:custDataLst>
              <p:tags r:id="rId56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9fd7f42b298d4f82b02731231558107d_ShapePercentage" hidden="1"/>
          <p:cNvSpPr/>
          <p:nvPr>
            <p:custDataLst>
              <p:tags r:id="rId57"/>
            </p:custDataLst>
          </p:nvPr>
        </p:nvSpPr>
        <p:spPr>
          <a:xfrm>
            <a:off x="8700245" y="30692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82" name="OTLSHAPE_T_9fd7f42b298d4f82b02731231558107d_Duration" hidden="1"/>
          <p:cNvSpPr txBox="1"/>
          <p:nvPr>
            <p:custDataLst>
              <p:tags r:id="rId58"/>
            </p:custDataLst>
          </p:nvPr>
        </p:nvSpPr>
        <p:spPr>
          <a:xfrm>
            <a:off x="0" y="30692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9fd7f42b298d4f82b02731231558107d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9fd7f42b298d4f82b02731231558107d_StartDate" hidden="1"/>
          <p:cNvSpPr txBox="1"/>
          <p:nvPr>
            <p:custDataLst>
              <p:tags r:id="rId60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fd7f42b298d4f82b02731231558107d_EndDate" hidden="1"/>
          <p:cNvSpPr txBox="1"/>
          <p:nvPr>
            <p:custDataLst>
              <p:tags r:id="rId61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88" name="Group 187"/>
          <p:cNvGrpSpPr/>
          <p:nvPr/>
        </p:nvGrpSpPr>
        <p:grpSpPr>
          <a:xfrm>
            <a:off x="229870" y="1594781"/>
            <a:ext cx="11962130" cy="5168604"/>
            <a:chOff x="229870" y="1594781"/>
            <a:chExt cx="11962130" cy="5168604"/>
          </a:xfrm>
        </p:grpSpPr>
        <p:cxnSp>
          <p:nvCxnSpPr>
            <p:cNvPr id="83" name="OTLSHAPE_T_9fd7f42b298d4f82b02731231558107d_RightVerticalConnector1"/>
            <p:cNvCxnSpPr/>
            <p:nvPr>
              <p:custDataLst>
                <p:tags r:id="rId62"/>
              </p:custDataLst>
            </p:nvPr>
          </p:nvCxnSpPr>
          <p:spPr>
            <a:xfrm>
              <a:off x="8975297" y="4198281"/>
              <a:ext cx="0" cy="18710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OTLSHAPE_T_96d63f33e066474fa9b22a3ed7f1e75a_RightVerticalConnector1"/>
            <p:cNvCxnSpPr/>
            <p:nvPr>
              <p:custDataLst>
                <p:tags r:id="rId63"/>
              </p:custDataLst>
            </p:nvPr>
          </p:nvCxnSpPr>
          <p:spPr>
            <a:xfrm>
              <a:off x="8803115" y="3931581"/>
              <a:ext cx="0" cy="21377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T_223971a816364313bb9cce5653d9776a_RightVerticalConnector3"/>
            <p:cNvCxnSpPr/>
            <p:nvPr>
              <p:custDataLst>
                <p:tags r:id="rId64"/>
              </p:custDataLst>
            </p:nvPr>
          </p:nvCxnSpPr>
          <p:spPr>
            <a:xfrm>
              <a:off x="7490231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OTLSHAPE_T_223971a816364313bb9cce5653d9776a_RightVerticalConnector1"/>
            <p:cNvCxnSpPr/>
            <p:nvPr>
              <p:custDataLst>
                <p:tags r:id="rId65"/>
              </p:custDataLst>
            </p:nvPr>
          </p:nvCxnSpPr>
          <p:spPr>
            <a:xfrm>
              <a:off x="7490231" y="3664882"/>
              <a:ext cx="0" cy="18376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_ceb7f90d9ec84d8fa42334e9a5619187_RightVerticalConnector2"/>
            <p:cNvCxnSpPr/>
            <p:nvPr>
              <p:custDataLst>
                <p:tags r:id="rId66"/>
              </p:custDataLst>
            </p:nvPr>
          </p:nvCxnSpPr>
          <p:spPr>
            <a:xfrm>
              <a:off x="6823028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_ceb7f90d9ec84d8fa42334e9a5619187_RightVerticalConnector1"/>
            <p:cNvCxnSpPr/>
            <p:nvPr>
              <p:custDataLst>
                <p:tags r:id="rId67"/>
              </p:custDataLst>
            </p:nvPr>
          </p:nvCxnSpPr>
          <p:spPr>
            <a:xfrm>
              <a:off x="6823028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_ce253e8b9aed4f6ea891923ed4c21248_RightVerticalConnector3"/>
            <p:cNvCxnSpPr/>
            <p:nvPr>
              <p:custDataLst>
                <p:tags r:id="rId68"/>
              </p:custDataLst>
            </p:nvPr>
          </p:nvCxnSpPr>
          <p:spPr>
            <a:xfrm>
              <a:off x="6392574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OTLSHAPE_T_ce253e8b9aed4f6ea891923ed4c21248_RightVerticalConnector2"/>
            <p:cNvCxnSpPr/>
            <p:nvPr>
              <p:custDataLst>
                <p:tags r:id="rId69"/>
              </p:custDataLst>
            </p:nvPr>
          </p:nvCxnSpPr>
          <p:spPr>
            <a:xfrm>
              <a:off x="6392574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_749b80e099254f7081ea98b9c5780819_RightVerticalConnector3"/>
            <p:cNvCxnSpPr/>
            <p:nvPr>
              <p:custDataLst>
                <p:tags r:id="rId70"/>
              </p:custDataLst>
            </p:nvPr>
          </p:nvCxnSpPr>
          <p:spPr>
            <a:xfrm>
              <a:off x="6198870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OTLSHAPE_T_749b80e099254f7081ea98b9c5780819_RightVerticalConnector2"/>
            <p:cNvCxnSpPr/>
            <p:nvPr>
              <p:custDataLst>
                <p:tags r:id="rId71"/>
              </p:custDataLst>
            </p:nvPr>
          </p:nvCxnSpPr>
          <p:spPr>
            <a:xfrm>
              <a:off x="6198870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_749b80e099254f7081ea98b9c5780819_RightVerticalConnector1"/>
            <p:cNvCxnSpPr/>
            <p:nvPr>
              <p:custDataLst>
                <p:tags r:id="rId72"/>
              </p:custDataLst>
            </p:nvPr>
          </p:nvCxnSpPr>
          <p:spPr>
            <a:xfrm>
              <a:off x="6198870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_749b80e099254f7081ea98b9c5780819_LeftVerticalConnector4"/>
            <p:cNvCxnSpPr/>
            <p:nvPr>
              <p:custDataLst>
                <p:tags r:id="rId73"/>
              </p:custDataLst>
            </p:nvPr>
          </p:nvCxnSpPr>
          <p:spPr>
            <a:xfrm>
              <a:off x="486446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_749b80e099254f7081ea98b9c5780819_LeftVerticalConnector2"/>
            <p:cNvCxnSpPr/>
            <p:nvPr>
              <p:custDataLst>
                <p:tags r:id="rId74"/>
              </p:custDataLst>
            </p:nvPr>
          </p:nvCxnSpPr>
          <p:spPr>
            <a:xfrm>
              <a:off x="486446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OTLSHAPE_T_749b80e099254f7081ea98b9c5780819_LeftVerticalConnector1"/>
            <p:cNvCxnSpPr/>
            <p:nvPr>
              <p:custDataLst>
                <p:tags r:id="rId75"/>
              </p:custDataLst>
            </p:nvPr>
          </p:nvCxnSpPr>
          <p:spPr>
            <a:xfrm>
              <a:off x="486446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OTLSHAPE_T_4c4e083862534918ba8d673cb3316260_RightVerticalConnector5"/>
            <p:cNvCxnSpPr/>
            <p:nvPr>
              <p:custDataLst>
                <p:tags r:id="rId76"/>
              </p:custDataLst>
            </p:nvPr>
          </p:nvCxnSpPr>
          <p:spPr>
            <a:xfrm>
              <a:off x="495055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OTLSHAPE_T_4c4e083862534918ba8d673cb3316260_RightVerticalConnector3"/>
            <p:cNvCxnSpPr/>
            <p:nvPr>
              <p:custDataLst>
                <p:tags r:id="rId77"/>
              </p:custDataLst>
            </p:nvPr>
          </p:nvCxnSpPr>
          <p:spPr>
            <a:xfrm>
              <a:off x="495055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OTLSHAPE_T_4c4e083862534918ba8d673cb3316260_RightVerticalConnector2"/>
            <p:cNvCxnSpPr/>
            <p:nvPr>
              <p:custDataLst>
                <p:tags r:id="rId78"/>
              </p:custDataLst>
            </p:nvPr>
          </p:nvCxnSpPr>
          <p:spPr>
            <a:xfrm>
              <a:off x="495055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OTLSHAPE_T_4c4e083862534918ba8d673cb3316260_RightVerticalConnector1"/>
            <p:cNvCxnSpPr/>
            <p:nvPr>
              <p:custDataLst>
                <p:tags r:id="rId79"/>
              </p:custDataLst>
            </p:nvPr>
          </p:nvCxnSpPr>
          <p:spPr>
            <a:xfrm>
              <a:off x="4950554" y="25980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OTLSHAPE_T_abfc0e7db6964123805af280a17dd6f2_RightVerticalConnector1"/>
            <p:cNvCxnSpPr/>
            <p:nvPr>
              <p:custDataLst>
                <p:tags r:id="rId80"/>
              </p:custDataLst>
            </p:nvPr>
          </p:nvCxnSpPr>
          <p:spPr>
            <a:xfrm>
              <a:off x="4369442" y="2331381"/>
              <a:ext cx="0" cy="37379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OTLSHAPE_T_abfc0e7db6964123805af280a17dd6f2_LeftVerticalConnector4"/>
            <p:cNvCxnSpPr/>
            <p:nvPr>
              <p:custDataLst>
                <p:tags r:id="rId81"/>
              </p:custDataLst>
            </p:nvPr>
          </p:nvCxnSpPr>
          <p:spPr>
            <a:xfrm>
              <a:off x="3164172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OTLSHAPE_T_abfc0e7db6964123805af280a17dd6f2_LeftVerticalConnector2"/>
            <p:cNvCxnSpPr/>
            <p:nvPr>
              <p:custDataLst>
                <p:tags r:id="rId82"/>
              </p:custDataLst>
            </p:nvPr>
          </p:nvCxnSpPr>
          <p:spPr>
            <a:xfrm>
              <a:off x="3164172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OTLSHAPE_T_abfc0e7db6964123805af280a17dd6f2_LeftVerticalConnector1"/>
            <p:cNvCxnSpPr/>
            <p:nvPr>
              <p:custDataLst>
                <p:tags r:id="rId83"/>
              </p:custDataLst>
            </p:nvPr>
          </p:nvCxnSpPr>
          <p:spPr>
            <a:xfrm>
              <a:off x="3164172" y="2331381"/>
              <a:ext cx="0" cy="20701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OTLSHAPE_T_1befc175e8d447f7a254654832b6d9f1_RightVerticalConnector3"/>
            <p:cNvCxnSpPr/>
            <p:nvPr>
              <p:custDataLst>
                <p:tags r:id="rId84"/>
              </p:custDataLst>
            </p:nvPr>
          </p:nvCxnSpPr>
          <p:spPr>
            <a:xfrm>
              <a:off x="4197260" y="5673005"/>
              <a:ext cx="0" cy="3963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1befc175e8d447f7a254654832b6d9f1_RightVerticalConnector2"/>
            <p:cNvCxnSpPr/>
            <p:nvPr>
              <p:custDataLst>
                <p:tags r:id="rId85"/>
              </p:custDataLst>
            </p:nvPr>
          </p:nvCxnSpPr>
          <p:spPr>
            <a:xfrm>
              <a:off x="4197260" y="2331382"/>
              <a:ext cx="0" cy="31711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1befc175e8d447f7a254654832b6d9f1_RightVerticalConnector1"/>
            <p:cNvCxnSpPr/>
            <p:nvPr>
              <p:custDataLst>
                <p:tags r:id="rId86"/>
              </p:custDataLst>
            </p:nvPr>
          </p:nvCxnSpPr>
          <p:spPr>
            <a:xfrm>
              <a:off x="4197260" y="20646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1befc175e8d447f7a254654832b6d9f1_LeftVerticalConnector2"/>
            <p:cNvCxnSpPr/>
            <p:nvPr>
              <p:custDataLst>
                <p:tags r:id="rId87"/>
              </p:custDataLst>
            </p:nvPr>
          </p:nvCxnSpPr>
          <p:spPr>
            <a:xfrm>
              <a:off x="2905899" y="4742519"/>
              <a:ext cx="0" cy="132681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1befc175e8d447f7a254654832b6d9f1_LeftVerticalConnector1"/>
            <p:cNvCxnSpPr/>
            <p:nvPr>
              <p:custDataLst>
                <p:tags r:id="rId88"/>
              </p:custDataLst>
            </p:nvPr>
          </p:nvCxnSpPr>
          <p:spPr>
            <a:xfrm>
              <a:off x="290589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b83ce1365db3487a8f669ba3f58c343f_RightVerticalConnector5"/>
            <p:cNvCxnSpPr/>
            <p:nvPr>
              <p:custDataLst>
                <p:tags r:id="rId89"/>
              </p:custDataLst>
            </p:nvPr>
          </p:nvCxnSpPr>
          <p:spPr>
            <a:xfrm>
              <a:off x="3142649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b83ce1365db3487a8f669ba3f58c343f_RightVerticalConnector3"/>
            <p:cNvCxnSpPr/>
            <p:nvPr>
              <p:custDataLst>
                <p:tags r:id="rId90"/>
              </p:custDataLst>
            </p:nvPr>
          </p:nvCxnSpPr>
          <p:spPr>
            <a:xfrm>
              <a:off x="3142649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b83ce1365db3487a8f669ba3f58c343f_RightVerticalConnector2"/>
            <p:cNvCxnSpPr/>
            <p:nvPr>
              <p:custDataLst>
                <p:tags r:id="rId91"/>
              </p:custDataLst>
            </p:nvPr>
          </p:nvCxnSpPr>
          <p:spPr>
            <a:xfrm>
              <a:off x="314264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b83ce1365db3487a8f669ba3f58c343f_RightVerticalConnector1"/>
            <p:cNvCxnSpPr/>
            <p:nvPr>
              <p:custDataLst>
                <p:tags r:id="rId92"/>
              </p:custDataLst>
            </p:nvPr>
          </p:nvCxnSpPr>
          <p:spPr>
            <a:xfrm>
              <a:off x="3142649" y="17979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b83ce1365db3487a8f669ba3f58c343f_LeftVerticalConnector7"/>
            <p:cNvCxnSpPr/>
            <p:nvPr>
              <p:custDataLst>
                <p:tags r:id="rId93"/>
              </p:custDataLst>
            </p:nvPr>
          </p:nvCxnSpPr>
          <p:spPr>
            <a:xfrm>
              <a:off x="1076471" y="4181941"/>
              <a:ext cx="0" cy="188738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b83ce1365db3487a8f669ba3f58c343f_LeftVerticalConnector6"/>
            <p:cNvCxnSpPr/>
            <p:nvPr>
              <p:custDataLst>
                <p:tags r:id="rId94"/>
              </p:custDataLst>
            </p:nvPr>
          </p:nvCxnSpPr>
          <p:spPr>
            <a:xfrm>
              <a:off x="1076471" y="39152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b83ce1365db3487a8f669ba3f58c343f_LeftVerticalConnector5"/>
            <p:cNvCxnSpPr/>
            <p:nvPr>
              <p:custDataLst>
                <p:tags r:id="rId95"/>
              </p:custDataLst>
            </p:nvPr>
          </p:nvCxnSpPr>
          <p:spPr>
            <a:xfrm>
              <a:off x="1076471" y="33818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_b83ce1365db3487a8f669ba3f58c343f_LeftVerticalConnector4"/>
            <p:cNvCxnSpPr/>
            <p:nvPr>
              <p:custDataLst>
                <p:tags r:id="rId96"/>
              </p:custDataLst>
            </p:nvPr>
          </p:nvCxnSpPr>
          <p:spPr>
            <a:xfrm>
              <a:off x="1076471" y="28484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b83ce1365db3487a8f669ba3f58c343f_LeftVerticalConnector3"/>
            <p:cNvCxnSpPr/>
            <p:nvPr>
              <p:custDataLst>
                <p:tags r:id="rId97"/>
              </p:custDataLst>
            </p:nvPr>
          </p:nvCxnSpPr>
          <p:spPr>
            <a:xfrm>
              <a:off x="1076471" y="25817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b83ce1365db3487a8f669ba3f58c343f_LeftVerticalConnector2"/>
            <p:cNvCxnSpPr/>
            <p:nvPr>
              <p:custDataLst>
                <p:tags r:id="rId98"/>
              </p:custDataLst>
            </p:nvPr>
          </p:nvCxnSpPr>
          <p:spPr>
            <a:xfrm>
              <a:off x="1076471" y="23150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b83ce1365db3487a8f669ba3f58c343f_LeftVerticalConnector1"/>
            <p:cNvCxnSpPr/>
            <p:nvPr>
              <p:custDataLst>
                <p:tags r:id="rId99"/>
              </p:custDataLst>
            </p:nvPr>
          </p:nvCxnSpPr>
          <p:spPr>
            <a:xfrm>
              <a:off x="1076471" y="1797981"/>
              <a:ext cx="0" cy="34654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9fd7f42b298d4f82b02731231558107d_HorizontalConnector1"/>
            <p:cNvCxnSpPr/>
            <p:nvPr>
              <p:custDataLst>
                <p:tags r:id="rId100"/>
              </p:custDataLst>
            </p:nvPr>
          </p:nvCxnSpPr>
          <p:spPr>
            <a:xfrm>
              <a:off x="2249678" y="4096681"/>
              <a:ext cx="655343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96d63f33e066474fa9b22a3ed7f1e75a_HorizontalConnector1"/>
            <p:cNvCxnSpPr/>
            <p:nvPr>
              <p:custDataLst>
                <p:tags r:id="rId101"/>
              </p:custDataLst>
            </p:nvPr>
          </p:nvCxnSpPr>
          <p:spPr>
            <a:xfrm>
              <a:off x="2043557" y="3829981"/>
              <a:ext cx="5446674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223971a816364313bb9cce5653d9776a_HorizontalConnector1"/>
            <p:cNvCxnSpPr/>
            <p:nvPr>
              <p:custDataLst>
                <p:tags r:id="rId102"/>
              </p:custDataLst>
            </p:nvPr>
          </p:nvCxnSpPr>
          <p:spPr>
            <a:xfrm>
              <a:off x="793031" y="3563281"/>
              <a:ext cx="602999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ceb7f90d9ec84d8fa42334e9a5619187_HorizontalConnector1"/>
            <p:cNvCxnSpPr/>
            <p:nvPr>
              <p:custDataLst>
                <p:tags r:id="rId103"/>
              </p:custDataLst>
            </p:nvPr>
          </p:nvCxnSpPr>
          <p:spPr>
            <a:xfrm>
              <a:off x="1186265" y="3296581"/>
              <a:ext cx="367819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ce253e8b9aed4f6ea891923ed4c21248_HorizontalConnector1"/>
            <p:cNvCxnSpPr/>
            <p:nvPr>
              <p:custDataLst>
                <p:tags r:id="rId104"/>
              </p:custDataLst>
            </p:nvPr>
          </p:nvCxnSpPr>
          <p:spPr>
            <a:xfrm>
              <a:off x="617051" y="3029881"/>
              <a:ext cx="558181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749b80e099254f7081ea98b9c5780819_HorizontalConnector1"/>
            <p:cNvCxnSpPr/>
            <p:nvPr>
              <p:custDataLst>
                <p:tags r:id="rId105"/>
              </p:custDataLst>
            </p:nvPr>
          </p:nvCxnSpPr>
          <p:spPr>
            <a:xfrm>
              <a:off x="2043557" y="2763181"/>
              <a:ext cx="282090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4c4e083862534918ba8d673cb3316260_HorizontalConnector1"/>
            <p:cNvCxnSpPr/>
            <p:nvPr>
              <p:custDataLst>
                <p:tags r:id="rId106"/>
              </p:custDataLst>
            </p:nvPr>
          </p:nvCxnSpPr>
          <p:spPr>
            <a:xfrm>
              <a:off x="1337733" y="2496481"/>
              <a:ext cx="30317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bfc0e7db6964123805af280a17dd6f2_HorizontalConnector1"/>
            <p:cNvCxnSpPr/>
            <p:nvPr>
              <p:custDataLst>
                <p:tags r:id="rId107"/>
              </p:custDataLst>
            </p:nvPr>
          </p:nvCxnSpPr>
          <p:spPr>
            <a:xfrm>
              <a:off x="1147869" y="2229781"/>
              <a:ext cx="2016303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befc175e8d447f7a254654832b6d9f1_HorizontalConnector1"/>
            <p:cNvCxnSpPr/>
            <p:nvPr>
              <p:custDataLst>
                <p:tags r:id="rId108"/>
              </p:custDataLst>
            </p:nvPr>
          </p:nvCxnSpPr>
          <p:spPr>
            <a:xfrm>
              <a:off x="804291" y="1963081"/>
              <a:ext cx="21016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b83ce1365db3487a8f669ba3f58c343f_HorizontalConnector1"/>
            <p:cNvCxnSpPr/>
            <p:nvPr>
              <p:custDataLst>
                <p:tags r:id="rId109"/>
              </p:custDataLst>
            </p:nvPr>
          </p:nvCxnSpPr>
          <p:spPr>
            <a:xfrm flipH="1">
              <a:off x="1076471" y="1696381"/>
              <a:ext cx="1995320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M_6c4183bb83b542fd95b82841f7cd2993_Connector1"/>
            <p:cNvCxnSpPr/>
            <p:nvPr>
              <p:custDataLst>
                <p:tags r:id="rId110"/>
              </p:custDataLst>
            </p:nvPr>
          </p:nvCxnSpPr>
          <p:spPr>
            <a:xfrm>
              <a:off x="10940211" y="5450289"/>
              <a:ext cx="0" cy="619040"/>
            </a:xfrm>
            <a:prstGeom prst="line">
              <a:avLst/>
            </a:prstGeom>
            <a:ln w="7620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M_1924dcbc07594520b1d643f6475c10c2_Connector1"/>
            <p:cNvCxnSpPr/>
            <p:nvPr>
              <p:custDataLst>
                <p:tags r:id="rId111"/>
              </p:custDataLst>
            </p:nvPr>
          </p:nvCxnSpPr>
          <p:spPr>
            <a:xfrm>
              <a:off x="10789552" y="4729268"/>
              <a:ext cx="0" cy="1340062"/>
            </a:xfrm>
            <a:prstGeom prst="line">
              <a:avLst/>
            </a:prstGeom>
            <a:ln w="7620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M_4f105c9555f54c8fb242edd20fbc2223_Connector1"/>
            <p:cNvCxnSpPr/>
            <p:nvPr>
              <p:custDataLst>
                <p:tags r:id="rId112"/>
              </p:custDataLst>
            </p:nvPr>
          </p:nvCxnSpPr>
          <p:spPr>
            <a:xfrm>
              <a:off x="6850901" y="5620808"/>
              <a:ext cx="0" cy="448522"/>
            </a:xfrm>
            <a:prstGeom prst="line">
              <a:avLst/>
            </a:prstGeom>
            <a:ln w="7620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M_c30e7c5a04d54ae0841b443bb4de423d_Connector3"/>
            <p:cNvCxnSpPr/>
            <p:nvPr>
              <p:custDataLst>
                <p:tags r:id="rId113"/>
              </p:custDataLst>
            </p:nvPr>
          </p:nvCxnSpPr>
          <p:spPr>
            <a:xfrm>
              <a:off x="4892337" y="5853430"/>
              <a:ext cx="0" cy="2159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M_c30e7c5a04d54ae0841b443bb4de423d_Connector2"/>
            <p:cNvCxnSpPr/>
            <p:nvPr>
              <p:custDataLst>
                <p:tags r:id="rId114"/>
              </p:custDataLst>
            </p:nvPr>
          </p:nvCxnSpPr>
          <p:spPr>
            <a:xfrm>
              <a:off x="4892337" y="5673005"/>
              <a:ext cx="0" cy="254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M_c30e7c5a04d54ae0841b443bb4de423d_Connector1"/>
            <p:cNvCxnSpPr/>
            <p:nvPr>
              <p:custDataLst>
                <p:tags r:id="rId115"/>
              </p:custDataLst>
            </p:nvPr>
          </p:nvCxnSpPr>
          <p:spPr>
            <a:xfrm>
              <a:off x="4892337" y="5155565"/>
              <a:ext cx="0" cy="346922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M_c2c29a3425ce4c3296b6e83934f637bd_Connector1"/>
            <p:cNvCxnSpPr/>
            <p:nvPr>
              <p:custDataLst>
                <p:tags r:id="rId116"/>
              </p:custDataLst>
            </p:nvPr>
          </p:nvCxnSpPr>
          <p:spPr>
            <a:xfrm>
              <a:off x="4526451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M_b808ff88d32d4ef8abbfdb533a0fcc7f_Connector1"/>
            <p:cNvCxnSpPr/>
            <p:nvPr>
              <p:custDataLst>
                <p:tags r:id="rId117"/>
              </p:custDataLst>
            </p:nvPr>
          </p:nvCxnSpPr>
          <p:spPr>
            <a:xfrm>
              <a:off x="3192044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d82d017e9e594d62ad321cc029a49e0a_Connector1"/>
            <p:cNvCxnSpPr/>
            <p:nvPr>
              <p:custDataLst>
                <p:tags r:id="rId118"/>
              </p:custDataLst>
            </p:nvPr>
          </p:nvCxnSpPr>
          <p:spPr>
            <a:xfrm>
              <a:off x="2912249" y="5155565"/>
              <a:ext cx="0" cy="913765"/>
            </a:xfrm>
            <a:prstGeom prst="line">
              <a:avLst/>
            </a:prstGeom>
            <a:ln w="7620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f8f3ed78a89d4ee7923997238941b51f_Connector1"/>
            <p:cNvCxnSpPr/>
            <p:nvPr>
              <p:custDataLst>
                <p:tags r:id="rId119"/>
              </p:custDataLst>
            </p:nvPr>
          </p:nvCxnSpPr>
          <p:spPr>
            <a:xfrm>
              <a:off x="1104344" y="4605062"/>
              <a:ext cx="0" cy="1464268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OTLSHAPE_TB_00000000000000000000000000000000_LeftEndCaps"/>
            <p:cNvSpPr txBox="1"/>
            <p:nvPr>
              <p:custDataLst>
                <p:tags r:id="rId120"/>
              </p:custDataLst>
            </p:nvPr>
          </p:nvSpPr>
          <p:spPr>
            <a:xfrm>
              <a:off x="356870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3" name="OTLSHAPE_TB_00000000000000000000000000000000_RightEndCaps"/>
            <p:cNvSpPr txBox="1"/>
            <p:nvPr>
              <p:custDataLst>
                <p:tags r:id="rId121"/>
              </p:custDataLst>
            </p:nvPr>
          </p:nvSpPr>
          <p:spPr>
            <a:xfrm>
              <a:off x="11577404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" name="OTLSHAPE_TB_00000000000000000000000000000000_ScaleContainer"/>
            <p:cNvSpPr/>
            <p:nvPr>
              <p:custDataLst>
                <p:tags r:id="rId122"/>
              </p:custDataLst>
            </p:nvPr>
          </p:nvSpPr>
          <p:spPr>
            <a:xfrm>
              <a:off x="947335" y="6069330"/>
              <a:ext cx="10515600" cy="381000"/>
            </a:xfrm>
            <a:prstGeom prst="rect">
              <a:avLst/>
            </a:prstGeom>
            <a:gradFill flip="none" rotWithShape="1">
              <a:gsLst>
                <a:gs pos="0">
                  <a:srgbClr val="B29231"/>
                </a:gs>
                <a:gs pos="100000">
                  <a:srgbClr val="FFD247"/>
                </a:gs>
                <a:gs pos="50000">
                  <a:srgbClr val="F2C643"/>
                </a:gs>
                <a:gs pos="100000">
                  <a:srgbClr val="FFFFF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5" name="OTLSHAPE_TB_00000000000000000000000000000000_ElapsedTime"/>
            <p:cNvSpPr/>
            <p:nvPr>
              <p:custDataLst>
                <p:tags r:id="rId123"/>
              </p:custDataLst>
            </p:nvPr>
          </p:nvSpPr>
          <p:spPr>
            <a:xfrm>
              <a:off x="947335" y="6374130"/>
              <a:ext cx="152400" cy="76200"/>
            </a:xfrm>
            <a:prstGeom prst="rect">
              <a:avLst/>
            </a:prstGeom>
            <a:solidFill>
              <a:srgbClr val="02B2EE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6" name="OTLSHAPE_TB_00000000000000000000000000000000_TodayMarkerShape"/>
            <p:cNvSpPr/>
            <p:nvPr>
              <p:custDataLst>
                <p:tags r:id="rId124"/>
              </p:custDataLst>
            </p:nvPr>
          </p:nvSpPr>
          <p:spPr>
            <a:xfrm>
              <a:off x="1042513" y="645033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7" name="OTLSHAPE_TB_00000000000000000000000000000000_TodayMarkerText"/>
            <p:cNvSpPr txBox="1"/>
            <p:nvPr>
              <p:custDataLst>
                <p:tags r:id="rId125"/>
              </p:custDataLst>
            </p:nvPr>
          </p:nvSpPr>
          <p:spPr>
            <a:xfrm>
              <a:off x="916813" y="657733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  <a:endParaRPr lang="uk-UA" sz="1200" spc="-1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26"/>
              </p:custDataLst>
            </p:nvPr>
          </p:nvSpPr>
          <p:spPr>
            <a:xfrm>
              <a:off x="101083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9" name="OTLSHAPE_TB_00000000000000000000000000000000_TimescaleInterval2"/>
            <p:cNvSpPr txBox="1"/>
            <p:nvPr>
              <p:custDataLst>
                <p:tags r:id="rId127"/>
              </p:custDataLst>
            </p:nvPr>
          </p:nvSpPr>
          <p:spPr>
            <a:xfrm>
              <a:off x="2323719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10" name="OTLSHAPE_TB_00000000000000000000000000000000_TimescaleInterval3"/>
            <p:cNvSpPr txBox="1"/>
            <p:nvPr>
              <p:custDataLst>
                <p:tags r:id="rId128"/>
              </p:custDataLst>
            </p:nvPr>
          </p:nvSpPr>
          <p:spPr>
            <a:xfrm>
              <a:off x="3658125" y="6166802"/>
              <a:ext cx="25641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Лют</a:t>
              </a:r>
            </a:p>
          </p:txBody>
        </p:sp>
        <p:sp>
          <p:nvSpPr>
            <p:cNvPr id="11" name="OTLSHAPE_TB_00000000000000000000000000000000_TimescaleInterval4"/>
            <p:cNvSpPr txBox="1"/>
            <p:nvPr>
              <p:custDataLst>
                <p:tags r:id="rId129"/>
              </p:custDataLst>
            </p:nvPr>
          </p:nvSpPr>
          <p:spPr>
            <a:xfrm>
              <a:off x="4927964" y="6166802"/>
              <a:ext cx="18466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Кві</a:t>
              </a:r>
            </a:p>
          </p:txBody>
        </p:sp>
        <p:sp>
          <p:nvSpPr>
            <p:cNvPr id="12" name="OTLSHAPE_TB_00000000000000000000000000000000_TimescaleInterval5"/>
            <p:cNvSpPr txBox="1"/>
            <p:nvPr>
              <p:custDataLst>
                <p:tags r:id="rId130"/>
              </p:custDataLst>
            </p:nvPr>
          </p:nvSpPr>
          <p:spPr>
            <a:xfrm>
              <a:off x="6240847" y="616680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Чер</a:t>
              </a:r>
            </a:p>
          </p:txBody>
        </p:sp>
        <p:sp>
          <p:nvSpPr>
            <p:cNvPr id="13" name="OTLSHAPE_TB_00000000000000000000000000000000_TimescaleInterval6"/>
            <p:cNvSpPr txBox="1"/>
            <p:nvPr>
              <p:custDataLst>
                <p:tags r:id="rId131"/>
              </p:custDataLst>
            </p:nvPr>
          </p:nvSpPr>
          <p:spPr>
            <a:xfrm>
              <a:off x="7553731" y="6166802"/>
              <a:ext cx="23192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Сер</a:t>
              </a:r>
            </a:p>
          </p:txBody>
        </p:sp>
        <p:sp>
          <p:nvSpPr>
            <p:cNvPr id="14" name="OTLSHAPE_TB_00000000000000000000000000000000_TimescaleInterval7"/>
            <p:cNvSpPr txBox="1"/>
            <p:nvPr>
              <p:custDataLst>
                <p:tags r:id="rId132"/>
              </p:custDataLst>
            </p:nvPr>
          </p:nvSpPr>
          <p:spPr>
            <a:xfrm>
              <a:off x="886661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15" name="OTLSHAPE_TB_00000000000000000000000000000000_TimescaleInterval8"/>
            <p:cNvSpPr txBox="1"/>
            <p:nvPr>
              <p:custDataLst>
                <p:tags r:id="rId133"/>
              </p:custDataLst>
            </p:nvPr>
          </p:nvSpPr>
          <p:spPr>
            <a:xfrm>
              <a:off x="10179498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84" name="OTLSHAPE_M_f8f3ed78a89d4ee7923997238941b51f_Title"/>
            <p:cNvSpPr txBox="1"/>
            <p:nvPr>
              <p:custDataLst>
                <p:tags r:id="rId134"/>
              </p:custDataLst>
            </p:nvPr>
          </p:nvSpPr>
          <p:spPr>
            <a:xfrm>
              <a:off x="1326594" y="4401481"/>
              <a:ext cx="22225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85" name="OTLSHAPE_M_f8f3ed78a89d4ee7923997238941b51f_Date"/>
            <p:cNvSpPr txBox="1"/>
            <p:nvPr>
              <p:custDataLst>
                <p:tags r:id="rId135"/>
              </p:custDataLst>
            </p:nvPr>
          </p:nvSpPr>
          <p:spPr>
            <a:xfrm>
              <a:off x="1326594" y="476791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0/7/2016</a:t>
              </a:r>
            </a:p>
          </p:txBody>
        </p:sp>
        <p:sp>
          <p:nvSpPr>
            <p:cNvPr id="86" name="OTLSHAPE_M_f8f3ed78a89d4ee7923997238941b51f_Shape"/>
            <p:cNvSpPr/>
            <p:nvPr>
              <p:custDataLst>
                <p:tags r:id="rId136"/>
              </p:custDataLst>
            </p:nvPr>
          </p:nvSpPr>
          <p:spPr>
            <a:xfrm rot="16200000">
              <a:off x="1129744" y="460506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87" name="OTLSHAPE_M_d82d017e9e594d62ad321cc029a49e0a_Title"/>
            <p:cNvSpPr txBox="1"/>
            <p:nvPr>
              <p:custDataLst>
                <p:tags r:id="rId137"/>
              </p:custDataLst>
            </p:nvPr>
          </p:nvSpPr>
          <p:spPr>
            <a:xfrm>
              <a:off x="3134499" y="5037243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88" name="OTLSHAPE_M_d82d017e9e594d62ad321cc029a49e0a_Date"/>
            <p:cNvSpPr txBox="1"/>
            <p:nvPr>
              <p:custDataLst>
                <p:tags r:id="rId138"/>
              </p:custDataLst>
            </p:nvPr>
          </p:nvSpPr>
          <p:spPr>
            <a:xfrm>
              <a:off x="3134499" y="5233162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0/2016</a:t>
              </a:r>
            </a:p>
          </p:txBody>
        </p:sp>
        <p:sp>
          <p:nvSpPr>
            <p:cNvPr id="89" name="OTLSHAPE_M_d82d017e9e594d62ad321cc029a49e0a_Shape"/>
            <p:cNvSpPr/>
            <p:nvPr>
              <p:custDataLst>
                <p:tags r:id="rId139"/>
              </p:custDataLst>
            </p:nvPr>
          </p:nvSpPr>
          <p:spPr>
            <a:xfrm rot="16200000">
              <a:off x="2937649" y="5155565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0" name="OTLSHAPE_M_b808ff88d32d4ef8abbfdb533a0fcc7f_Title"/>
            <p:cNvSpPr txBox="1"/>
            <p:nvPr>
              <p:custDataLst>
                <p:tags r:id="rId140"/>
              </p:custDataLst>
            </p:nvPr>
          </p:nvSpPr>
          <p:spPr>
            <a:xfrm>
              <a:off x="3414294" y="5502487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91" name="OTLSHAPE_M_b808ff88d32d4ef8abbfdb533a0fcc7f_Date"/>
            <p:cNvSpPr txBox="1"/>
            <p:nvPr>
              <p:custDataLst>
                <p:tags r:id="rId141"/>
              </p:custDataLst>
            </p:nvPr>
          </p:nvSpPr>
          <p:spPr>
            <a:xfrm>
              <a:off x="3414294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12/2017</a:t>
              </a:r>
            </a:p>
          </p:txBody>
        </p:sp>
        <p:sp>
          <p:nvSpPr>
            <p:cNvPr id="92" name="OTLSHAPE_M_b808ff88d32d4ef8abbfdb533a0fcc7f_Shape"/>
            <p:cNvSpPr/>
            <p:nvPr>
              <p:custDataLst>
                <p:tags r:id="rId142"/>
              </p:custDataLst>
            </p:nvPr>
          </p:nvSpPr>
          <p:spPr>
            <a:xfrm rot="16200000">
              <a:off x="3217444" y="5620808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3" name="OTLSHAPE_M_c2c29a3425ce4c3296b6e83934f637bd_Title"/>
            <p:cNvSpPr txBox="1"/>
            <p:nvPr>
              <p:custDataLst>
                <p:tags r:id="rId143"/>
              </p:custDataLst>
            </p:nvPr>
          </p:nvSpPr>
          <p:spPr>
            <a:xfrm>
              <a:off x="4748701" y="5502487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94" name="OTLSHAPE_M_c2c29a3425ce4c3296b6e83934f637bd_Date"/>
            <p:cNvSpPr txBox="1"/>
            <p:nvPr>
              <p:custDataLst>
                <p:tags r:id="rId144"/>
              </p:custDataLst>
            </p:nvPr>
          </p:nvSpPr>
          <p:spPr>
            <a:xfrm>
              <a:off x="4748701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3/15/2017</a:t>
              </a:r>
            </a:p>
          </p:txBody>
        </p:sp>
        <p:sp>
          <p:nvSpPr>
            <p:cNvPr id="95" name="OTLSHAPE_M_c2c29a3425ce4c3296b6e83934f637bd_Shape"/>
            <p:cNvSpPr/>
            <p:nvPr>
              <p:custDataLst>
                <p:tags r:id="rId145"/>
              </p:custDataLst>
            </p:nvPr>
          </p:nvSpPr>
          <p:spPr>
            <a:xfrm rot="16200000">
              <a:off x="4551851" y="562080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6" name="OTLSHAPE_M_c30e7c5a04d54ae0841b443bb4de423d_Title"/>
            <p:cNvSpPr txBox="1"/>
            <p:nvPr>
              <p:custDataLst>
                <p:tags r:id="rId146"/>
              </p:custDataLst>
            </p:nvPr>
          </p:nvSpPr>
          <p:spPr>
            <a:xfrm>
              <a:off x="5114587" y="5037243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97" name="OTLSHAPE_M_c30e7c5a04d54ae0841b443bb4de423d_Date"/>
            <p:cNvSpPr txBox="1"/>
            <p:nvPr>
              <p:custDataLst>
                <p:tags r:id="rId147"/>
              </p:custDataLst>
            </p:nvPr>
          </p:nvSpPr>
          <p:spPr>
            <a:xfrm>
              <a:off x="5114587" y="523316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4/1/2017</a:t>
              </a:r>
            </a:p>
          </p:txBody>
        </p:sp>
        <p:sp>
          <p:nvSpPr>
            <p:cNvPr id="98" name="OTLSHAPE_M_c30e7c5a04d54ae0841b443bb4de423d_Shape"/>
            <p:cNvSpPr/>
            <p:nvPr>
              <p:custDataLst>
                <p:tags r:id="rId148"/>
              </p:custDataLst>
            </p:nvPr>
          </p:nvSpPr>
          <p:spPr>
            <a:xfrm rot="16200000">
              <a:off x="4917737" y="5155565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9" name="OTLSHAPE_M_4f105c9555f54c8fb242edd20fbc2223_Title"/>
            <p:cNvSpPr txBox="1"/>
            <p:nvPr>
              <p:custDataLst>
                <p:tags r:id="rId149"/>
              </p:custDataLst>
            </p:nvPr>
          </p:nvSpPr>
          <p:spPr>
            <a:xfrm>
              <a:off x="7073150" y="5503108"/>
              <a:ext cx="667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Kickstarter</a:t>
              </a:r>
              <a:endParaRPr lang="uk-UA" sz="11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M_4f105c9555f54c8fb242edd20fbc2223_Date"/>
            <p:cNvSpPr txBox="1"/>
            <p:nvPr>
              <p:custDataLst>
                <p:tags r:id="rId150"/>
              </p:custDataLst>
            </p:nvPr>
          </p:nvSpPr>
          <p:spPr>
            <a:xfrm>
              <a:off x="707315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7/1/2017</a:t>
              </a:r>
            </a:p>
          </p:txBody>
        </p:sp>
        <p:sp>
          <p:nvSpPr>
            <p:cNvPr id="101" name="OTLSHAPE_M_4f105c9555f54c8fb242edd20fbc2223_Shape"/>
            <p:cNvSpPr/>
            <p:nvPr>
              <p:custDataLst>
                <p:tags r:id="rId151"/>
              </p:custDataLst>
            </p:nvPr>
          </p:nvSpPr>
          <p:spPr>
            <a:xfrm rot="16200000">
              <a:off x="6876301" y="5620808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2" name="OTLSHAPE_M_1924dcbc07594520b1d643f6475c10c2_Title"/>
            <p:cNvSpPr txBox="1"/>
            <p:nvPr>
              <p:custDataLst>
                <p:tags r:id="rId152"/>
              </p:custDataLst>
            </p:nvPr>
          </p:nvSpPr>
          <p:spPr>
            <a:xfrm>
              <a:off x="11011802" y="4526929"/>
              <a:ext cx="1180198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Наладка масового виготовлення</a:t>
              </a:r>
            </a:p>
          </p:txBody>
        </p:sp>
        <p:sp>
          <p:nvSpPr>
            <p:cNvPr id="103" name="OTLSHAPE_M_1924dcbc07594520b1d643f6475c10c2_Date"/>
            <p:cNvSpPr txBox="1"/>
            <p:nvPr>
              <p:custDataLst>
                <p:tags r:id="rId153"/>
              </p:custDataLst>
            </p:nvPr>
          </p:nvSpPr>
          <p:spPr>
            <a:xfrm>
              <a:off x="11011802" y="489212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1/2017</a:t>
              </a:r>
            </a:p>
          </p:txBody>
        </p:sp>
        <p:sp>
          <p:nvSpPr>
            <p:cNvPr id="104" name="OTLSHAPE_M_1924dcbc07594520b1d643f6475c10c2_Shape"/>
            <p:cNvSpPr/>
            <p:nvPr>
              <p:custDataLst>
                <p:tags r:id="rId154"/>
              </p:custDataLst>
            </p:nvPr>
          </p:nvSpPr>
          <p:spPr>
            <a:xfrm rot="16200000">
              <a:off x="10814952" y="472926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5" name="OTLSHAPE_M_6c4183bb83b542fd95b82841f7cd2993_Title"/>
            <p:cNvSpPr txBox="1"/>
            <p:nvPr>
              <p:custDataLst>
                <p:tags r:id="rId155"/>
              </p:custDataLst>
            </p:nvPr>
          </p:nvSpPr>
          <p:spPr>
            <a:xfrm>
              <a:off x="11162461" y="5161449"/>
              <a:ext cx="8382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  <p:sp>
          <p:nvSpPr>
            <p:cNvPr id="106" name="OTLSHAPE_M_6c4183bb83b542fd95b82841f7cd2993_Date"/>
            <p:cNvSpPr txBox="1"/>
            <p:nvPr>
              <p:custDataLst>
                <p:tags r:id="rId156"/>
              </p:custDataLst>
            </p:nvPr>
          </p:nvSpPr>
          <p:spPr>
            <a:xfrm>
              <a:off x="1116246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7/2018</a:t>
              </a:r>
            </a:p>
          </p:txBody>
        </p:sp>
        <p:sp>
          <p:nvSpPr>
            <p:cNvPr id="107" name="OTLSHAPE_M_6c4183bb83b542fd95b82841f7cd2993_Shape"/>
            <p:cNvSpPr/>
            <p:nvPr>
              <p:custDataLst>
                <p:tags r:id="rId157"/>
              </p:custDataLst>
            </p:nvPr>
          </p:nvSpPr>
          <p:spPr>
            <a:xfrm rot="16200000">
              <a:off x="10965611" y="5450289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8" name="OTLSHAPE_T_b83ce1365db3487a8f669ba3f58c343f_Shape"/>
            <p:cNvSpPr/>
            <p:nvPr>
              <p:custDataLst>
                <p:tags r:id="rId158"/>
              </p:custDataLst>
            </p:nvPr>
          </p:nvSpPr>
          <p:spPr>
            <a:xfrm>
              <a:off x="1076471" y="1594781"/>
              <a:ext cx="20701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14" name="OTLSHAPE_T_b83ce1365db3487a8f669ba3f58c343f_JoinedDate"/>
            <p:cNvSpPr txBox="1"/>
            <p:nvPr>
              <p:custDataLst>
                <p:tags r:id="rId159"/>
              </p:custDataLst>
            </p:nvPr>
          </p:nvSpPr>
          <p:spPr>
            <a:xfrm>
              <a:off x="3193449" y="16188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0/7/2016 - 1/10/2017</a:t>
              </a:r>
            </a:p>
          </p:txBody>
        </p:sp>
        <p:sp>
          <p:nvSpPr>
            <p:cNvPr id="115" name="OTLSHAPE_T_b83ce1365db3487a8f669ba3f58c343f_Title"/>
            <p:cNvSpPr txBox="1"/>
            <p:nvPr>
              <p:custDataLst>
                <p:tags r:id="rId160"/>
              </p:custDataLst>
            </p:nvPr>
          </p:nvSpPr>
          <p:spPr>
            <a:xfrm>
              <a:off x="229870" y="1611122"/>
              <a:ext cx="284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116" name="OTLSHAPE_T_1befc175e8d447f7a254654832b6d9f1_Shape"/>
            <p:cNvSpPr/>
            <p:nvPr>
              <p:custDataLst>
                <p:tags r:id="rId161"/>
              </p:custDataLst>
            </p:nvPr>
          </p:nvSpPr>
          <p:spPr>
            <a:xfrm>
              <a:off x="2905899" y="1861481"/>
              <a:ext cx="12954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22" name="OTLSHAPE_T_1befc175e8d447f7a254654832b6d9f1_JoinedDate"/>
            <p:cNvSpPr txBox="1"/>
            <p:nvPr>
              <p:custDataLst>
                <p:tags r:id="rId162"/>
              </p:custDataLst>
            </p:nvPr>
          </p:nvSpPr>
          <p:spPr>
            <a:xfrm>
              <a:off x="4248060" y="1885569"/>
              <a:ext cx="1270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31/2016 - 2/28/2017</a:t>
              </a:r>
            </a:p>
          </p:txBody>
        </p:sp>
        <p:sp>
          <p:nvSpPr>
            <p:cNvPr id="123" name="OTLSHAPE_T_1befc175e8d447f7a254654832b6d9f1_Title"/>
            <p:cNvSpPr txBox="1"/>
            <p:nvPr>
              <p:custDataLst>
                <p:tags r:id="rId163"/>
              </p:custDataLst>
            </p:nvPr>
          </p:nvSpPr>
          <p:spPr>
            <a:xfrm>
              <a:off x="229870" y="1877822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124" name="OTLSHAPE_T_abfc0e7db6964123805af280a17dd6f2_Shape"/>
            <p:cNvSpPr/>
            <p:nvPr>
              <p:custDataLst>
                <p:tags r:id="rId164"/>
              </p:custDataLst>
            </p:nvPr>
          </p:nvSpPr>
          <p:spPr>
            <a:xfrm>
              <a:off x="3164172" y="2128181"/>
              <a:ext cx="12065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0" name="OTLSHAPE_T_abfc0e7db6964123805af280a17dd6f2_JoinedDate"/>
            <p:cNvSpPr txBox="1"/>
            <p:nvPr>
              <p:custDataLst>
                <p:tags r:id="rId165"/>
              </p:custDataLst>
            </p:nvPr>
          </p:nvSpPr>
          <p:spPr>
            <a:xfrm>
              <a:off x="4420242" y="21522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/12/2017 - 3/8/2017</a:t>
              </a:r>
            </a:p>
          </p:txBody>
        </p:sp>
        <p:sp>
          <p:nvSpPr>
            <p:cNvPr id="131" name="OTLSHAPE_T_abfc0e7db6964123805af280a17dd6f2_Title"/>
            <p:cNvSpPr txBox="1"/>
            <p:nvPr>
              <p:custDataLst>
                <p:tags r:id="rId166"/>
              </p:custDataLst>
            </p:nvPr>
          </p:nvSpPr>
          <p:spPr>
            <a:xfrm>
              <a:off x="229870" y="2144522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132" name="OTLSHAPE_T_4c4e083862534918ba8d673cb3316260_Shape"/>
            <p:cNvSpPr/>
            <p:nvPr>
              <p:custDataLst>
                <p:tags r:id="rId167"/>
              </p:custDataLst>
            </p:nvPr>
          </p:nvSpPr>
          <p:spPr>
            <a:xfrm>
              <a:off x="4369442" y="2394881"/>
              <a:ext cx="584200" cy="203200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8" name="OTLSHAPE_T_4c4e083862534918ba8d673cb3316260_JoinedDate"/>
            <p:cNvSpPr txBox="1"/>
            <p:nvPr>
              <p:custDataLst>
                <p:tags r:id="rId168"/>
              </p:custDataLst>
            </p:nvPr>
          </p:nvSpPr>
          <p:spPr>
            <a:xfrm>
              <a:off x="5001354" y="24189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3/9/2017 - 4/4/2017</a:t>
              </a:r>
            </a:p>
          </p:txBody>
        </p:sp>
        <p:sp>
          <p:nvSpPr>
            <p:cNvPr id="139" name="OTLSHAPE_T_4c4e083862534918ba8d673cb3316260_Title"/>
            <p:cNvSpPr txBox="1"/>
            <p:nvPr>
              <p:custDataLst>
                <p:tags r:id="rId169"/>
              </p:custDataLst>
            </p:nvPr>
          </p:nvSpPr>
          <p:spPr>
            <a:xfrm>
              <a:off x="229870" y="2411222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140" name="OTLSHAPE_T_749b80e099254f7081ea98b9c5780819_Shape"/>
            <p:cNvSpPr/>
            <p:nvPr>
              <p:custDataLst>
                <p:tags r:id="rId170"/>
              </p:custDataLst>
            </p:nvPr>
          </p:nvSpPr>
          <p:spPr>
            <a:xfrm>
              <a:off x="4864464" y="2661581"/>
              <a:ext cx="1346200" cy="203200"/>
            </a:xfrm>
            <a:prstGeom prst="rect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46" name="OTLSHAPE_T_749b80e099254f7081ea98b9c5780819_JoinedDate"/>
            <p:cNvSpPr txBox="1"/>
            <p:nvPr>
              <p:custDataLst>
                <p:tags r:id="rId171"/>
              </p:custDataLst>
            </p:nvPr>
          </p:nvSpPr>
          <p:spPr>
            <a:xfrm>
              <a:off x="6249670" y="26856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1/2017</a:t>
              </a:r>
            </a:p>
          </p:txBody>
        </p:sp>
        <p:sp>
          <p:nvSpPr>
            <p:cNvPr id="147" name="OTLSHAPE_T_749b80e099254f7081ea98b9c5780819_Title"/>
            <p:cNvSpPr txBox="1"/>
            <p:nvPr>
              <p:custDataLst>
                <p:tags r:id="rId172"/>
              </p:custDataLst>
            </p:nvPr>
          </p:nvSpPr>
          <p:spPr>
            <a:xfrm>
              <a:off x="229870" y="26779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148" name="OTLSHAPE_T_ce253e8b9aed4f6ea891923ed4c21248_Shape"/>
            <p:cNvSpPr/>
            <p:nvPr>
              <p:custDataLst>
                <p:tags r:id="rId173"/>
              </p:custDataLst>
            </p:nvPr>
          </p:nvSpPr>
          <p:spPr>
            <a:xfrm>
              <a:off x="6198870" y="2928281"/>
              <a:ext cx="203200" cy="203200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54" name="OTLSHAPE_T_ce253e8b9aed4f6ea891923ed4c21248_JoinedDate"/>
            <p:cNvSpPr txBox="1"/>
            <p:nvPr>
              <p:custDataLst>
                <p:tags r:id="rId174"/>
              </p:custDataLst>
            </p:nvPr>
          </p:nvSpPr>
          <p:spPr>
            <a:xfrm>
              <a:off x="6443374" y="29523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6/2/2017 - 6/10/2017</a:t>
              </a:r>
            </a:p>
          </p:txBody>
        </p:sp>
        <p:sp>
          <p:nvSpPr>
            <p:cNvPr id="155" name="OTLSHAPE_T_ce253e8b9aed4f6ea891923ed4c21248_Title"/>
            <p:cNvSpPr txBox="1"/>
            <p:nvPr>
              <p:custDataLst>
                <p:tags r:id="rId175"/>
              </p:custDataLst>
            </p:nvPr>
          </p:nvSpPr>
          <p:spPr>
            <a:xfrm>
              <a:off x="229870" y="2944622"/>
              <a:ext cx="393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Збірка</a:t>
              </a:r>
            </a:p>
          </p:txBody>
        </p:sp>
        <p:sp>
          <p:nvSpPr>
            <p:cNvPr id="156" name="OTLSHAPE_T_ceb7f90d9ec84d8fa42334e9a5619187_Shape"/>
            <p:cNvSpPr/>
            <p:nvPr>
              <p:custDataLst>
                <p:tags r:id="rId176"/>
              </p:custDataLst>
            </p:nvPr>
          </p:nvSpPr>
          <p:spPr>
            <a:xfrm>
              <a:off x="4864464" y="3194981"/>
              <a:ext cx="1968500" cy="203200"/>
            </a:xfrm>
            <a:prstGeom prst="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62" name="OTLSHAPE_T_ceb7f90d9ec84d8fa42334e9a5619187_JoinedDate"/>
            <p:cNvSpPr txBox="1"/>
            <p:nvPr>
              <p:custDataLst>
                <p:tags r:id="rId177"/>
              </p:custDataLst>
            </p:nvPr>
          </p:nvSpPr>
          <p:spPr>
            <a:xfrm>
              <a:off x="6873828" y="32190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30/2017</a:t>
              </a:r>
            </a:p>
          </p:txBody>
        </p:sp>
        <p:sp>
          <p:nvSpPr>
            <p:cNvPr id="163" name="OTLSHAPE_T_ceb7f90d9ec84d8fa42334e9a5619187_Title"/>
            <p:cNvSpPr txBox="1"/>
            <p:nvPr>
              <p:custDataLst>
                <p:tags r:id="rId178"/>
              </p:custDataLst>
            </p:nvPr>
          </p:nvSpPr>
          <p:spPr>
            <a:xfrm>
              <a:off x="229870" y="3211322"/>
              <a:ext cx="965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рограмування</a:t>
              </a:r>
            </a:p>
          </p:txBody>
        </p:sp>
        <p:sp>
          <p:nvSpPr>
            <p:cNvPr id="164" name="OTLSHAPE_T_223971a816364313bb9cce5653d9776a_Shape"/>
            <p:cNvSpPr/>
            <p:nvPr>
              <p:custDataLst>
                <p:tags r:id="rId179"/>
              </p:custDataLst>
            </p:nvPr>
          </p:nvSpPr>
          <p:spPr>
            <a:xfrm>
              <a:off x="6823028" y="3461681"/>
              <a:ext cx="6731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0" name="OTLSHAPE_T_223971a816364313bb9cce5653d9776a_JoinedDate"/>
            <p:cNvSpPr txBox="1"/>
            <p:nvPr>
              <p:custDataLst>
                <p:tags r:id="rId180"/>
              </p:custDataLst>
            </p:nvPr>
          </p:nvSpPr>
          <p:spPr>
            <a:xfrm>
              <a:off x="7541031" y="34857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7/1/2017 - 7/31/2017</a:t>
              </a:r>
            </a:p>
          </p:txBody>
        </p:sp>
        <p:sp>
          <p:nvSpPr>
            <p:cNvPr id="171" name="OTLSHAPE_T_223971a816364313bb9cce5653d9776a_Title"/>
            <p:cNvSpPr txBox="1"/>
            <p:nvPr>
              <p:custDataLst>
                <p:tags r:id="rId181"/>
              </p:custDataLst>
            </p:nvPr>
          </p:nvSpPr>
          <p:spPr>
            <a:xfrm>
              <a:off x="229870" y="3478022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Kikstarter</a:t>
              </a:r>
              <a:endParaRPr lang="uk-UA" sz="11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2" name="OTLSHAPE_T_96d63f33e066474fa9b22a3ed7f1e75a_Shape"/>
            <p:cNvSpPr/>
            <p:nvPr>
              <p:custDataLst>
                <p:tags r:id="rId182"/>
              </p:custDataLst>
            </p:nvPr>
          </p:nvSpPr>
          <p:spPr>
            <a:xfrm>
              <a:off x="7490231" y="3728381"/>
              <a:ext cx="1320800" cy="20320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8" name="OTLSHAPE_T_96d63f33e066474fa9b22a3ed7f1e75a_JoinedDate"/>
            <p:cNvSpPr txBox="1"/>
            <p:nvPr>
              <p:custDataLst>
                <p:tags r:id="rId183"/>
              </p:custDataLst>
            </p:nvPr>
          </p:nvSpPr>
          <p:spPr>
            <a:xfrm>
              <a:off x="8853915" y="37524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8/1/2017 - 9/30/2017</a:t>
              </a:r>
            </a:p>
          </p:txBody>
        </p:sp>
        <p:sp>
          <p:nvSpPr>
            <p:cNvPr id="179" name="OTLSHAPE_T_96d63f33e066474fa9b22a3ed7f1e75a_Title"/>
            <p:cNvSpPr txBox="1"/>
            <p:nvPr>
              <p:custDataLst>
                <p:tags r:id="rId184"/>
              </p:custDataLst>
            </p:nvPr>
          </p:nvSpPr>
          <p:spPr>
            <a:xfrm>
              <a:off x="229870" y="37447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Завершення кінцевого товару</a:t>
              </a:r>
            </a:p>
          </p:txBody>
        </p:sp>
        <p:sp>
          <p:nvSpPr>
            <p:cNvPr id="180" name="OTLSHAPE_T_9fd7f42b298d4f82b02731231558107d_Shape"/>
            <p:cNvSpPr/>
            <p:nvPr>
              <p:custDataLst>
                <p:tags r:id="rId185"/>
              </p:custDataLst>
            </p:nvPr>
          </p:nvSpPr>
          <p:spPr>
            <a:xfrm>
              <a:off x="8803115" y="3995081"/>
              <a:ext cx="177800" cy="203200"/>
            </a:xfrm>
            <a:prstGeom prst="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86" name="OTLSHAPE_T_9fd7f42b298d4f82b02731231558107d_JoinedDate"/>
            <p:cNvSpPr txBox="1"/>
            <p:nvPr>
              <p:custDataLst>
                <p:tags r:id="rId186"/>
              </p:custDataLst>
            </p:nvPr>
          </p:nvSpPr>
          <p:spPr>
            <a:xfrm>
              <a:off x="9026097" y="40191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10/1/2017 - …</a:t>
              </a:r>
            </a:p>
          </p:txBody>
        </p:sp>
        <p:sp>
          <p:nvSpPr>
            <p:cNvPr id="187" name="OTLSHAPE_T_9fd7f42b298d4f82b02731231558107d_Title"/>
            <p:cNvSpPr txBox="1"/>
            <p:nvPr>
              <p:custDataLst>
                <p:tags r:id="rId187"/>
              </p:custDataLst>
            </p:nvPr>
          </p:nvSpPr>
          <p:spPr>
            <a:xfrm>
              <a:off x="229870" y="4011422"/>
              <a:ext cx="203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</p:grpSp>
      <p:sp>
        <p:nvSpPr>
          <p:cNvPr id="189" name="TextBox 188"/>
          <p:cNvSpPr txBox="1"/>
          <p:nvPr/>
        </p:nvSpPr>
        <p:spPr>
          <a:xfrm>
            <a:off x="5195944" y="346749"/>
            <a:ext cx="178446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Плани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17152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027329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935832"/>
            <a:ext cx="3042808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блема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елика кількість ключів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изький рівень безпеки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5"/>
          <a:stretch/>
        </p:blipFill>
        <p:spPr>
          <a:xfrm>
            <a:off x="162190" y="1592115"/>
            <a:ext cx="7295022" cy="40808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6792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822839" y="1486596"/>
            <a:ext cx="248497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такти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75234" y="2543926"/>
            <a:ext cx="5700600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Дякую за увагу!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258438" y="3421089"/>
            <a:ext cx="313419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Будь-ласка запитання  </a:t>
            </a:r>
          </a:p>
        </p:txBody>
      </p:sp>
      <p:pic>
        <p:nvPicPr>
          <p:cNvPr id="6" name="Рисунок 5">
            <a:hlinkClick r:id="rId2"/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45" t="-4963"/>
          <a:stretch/>
        </p:blipFill>
        <p:spPr>
          <a:xfrm>
            <a:off x="8194640" y="3029253"/>
            <a:ext cx="463382" cy="485044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51" r="10614" b="26250"/>
          <a:stretch/>
        </p:blipFill>
        <p:spPr>
          <a:xfrm>
            <a:off x="8194640" y="3722050"/>
            <a:ext cx="439492" cy="322112"/>
          </a:xfrm>
          <a:prstGeom prst="rect">
            <a:avLst/>
          </a:prstGeom>
        </p:spPr>
      </p:pic>
      <p:sp>
        <p:nvSpPr>
          <p:cNvPr id="12" name="Прямоугольник 11"/>
          <p:cNvSpPr/>
          <p:nvPr/>
        </p:nvSpPr>
        <p:spPr>
          <a:xfrm>
            <a:off x="8822839" y="3075762"/>
            <a:ext cx="241848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1">
                    <a:lumMod val="75000"/>
                  </a:schemeClr>
                </a:solidFill>
              </a:rPr>
              <a:t>vk.com/id160139868</a:t>
            </a:r>
            <a:endParaRPr lang="ru-RU" sz="2000" i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8783291" y="3682699"/>
            <a:ext cx="33030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3">
                    <a:lumMod val="75000"/>
                  </a:schemeClr>
                </a:solidFill>
              </a:rPr>
              <a:t>fedorenkoalex23@gmail.com</a:t>
            </a:r>
            <a:endParaRPr lang="ru-RU" sz="20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1105" y="4251915"/>
            <a:ext cx="526562" cy="526562"/>
          </a:xfrm>
          <a:prstGeom prst="rect">
            <a:avLst/>
          </a:prstGeom>
        </p:spPr>
      </p:pic>
      <p:sp>
        <p:nvSpPr>
          <p:cNvPr id="16" name="Прямоугольник 15"/>
          <p:cNvSpPr/>
          <p:nvPr/>
        </p:nvSpPr>
        <p:spPr>
          <a:xfrm>
            <a:off x="8783291" y="4315141"/>
            <a:ext cx="230383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2000" b="1" i="1" dirty="0">
                <a:solidFill>
                  <a:srgbClr val="43B51F"/>
                </a:solidFill>
              </a:rPr>
              <a:t>+38 (</a:t>
            </a:r>
            <a:r>
              <a:rPr lang="en-US" sz="2000" b="1" i="1" dirty="0">
                <a:solidFill>
                  <a:srgbClr val="43B51F"/>
                </a:solidFill>
              </a:rPr>
              <a:t>099</a:t>
            </a:r>
            <a:r>
              <a:rPr lang="uk-UA" sz="2000" b="1" i="1" dirty="0">
                <a:solidFill>
                  <a:srgbClr val="43B51F"/>
                </a:solidFill>
              </a:rPr>
              <a:t>) </a:t>
            </a:r>
            <a:r>
              <a:rPr lang="en-US" sz="2000" b="1" i="1" dirty="0">
                <a:solidFill>
                  <a:srgbClr val="43B51F"/>
                </a:solidFill>
              </a:rPr>
              <a:t>56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5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13</a:t>
            </a:r>
            <a:endParaRPr lang="ru-RU" sz="2000" i="1" dirty="0">
              <a:solidFill>
                <a:srgbClr val="43B51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192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239246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1947028"/>
            <a:ext cx="2971141" cy="20928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криття за допомогою відбитка пальця</a:t>
            </a:r>
            <a:endParaRPr lang="en-US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абагато швидше ключів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32587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204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97DE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387443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5703" y="502912"/>
            <a:ext cx="3291847" cy="58521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197" y="502912"/>
            <a:ext cx="3291847" cy="5852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75134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BED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5424051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2" y="5178666"/>
            <a:ext cx="260220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Високий рівень безпеки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168240" y="-2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8472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99FFC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7" y="278266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Буде корисним для людей з вадами зору 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97902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27470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CC6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741887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ідключіть і користуйтеся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17458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242480" y="1041800"/>
            <a:ext cx="2089780" cy="2089780"/>
            <a:chOff x="1049310" y="921891"/>
            <a:chExt cx="4654445" cy="4654445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287"/>
            <a:stretch/>
          </p:blipFill>
          <p:spPr>
            <a:xfrm>
              <a:off x="1101012" y="2113674"/>
              <a:ext cx="4522126" cy="2511441"/>
            </a:xfrm>
            <a:prstGeom prst="rect">
              <a:avLst/>
            </a:prstGeom>
          </p:spPr>
        </p:pic>
        <p:sp>
          <p:nvSpPr>
            <p:cNvPr id="10" name="Полилиния 9"/>
            <p:cNvSpPr/>
            <p:nvPr/>
          </p:nvSpPr>
          <p:spPr>
            <a:xfrm rot="2735727">
              <a:off x="1049310" y="921891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34742" y="3991164"/>
            <a:ext cx="2275285" cy="2089780"/>
            <a:chOff x="6173763" y="1034320"/>
            <a:chExt cx="5067610" cy="4654445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73763" y="1221507"/>
              <a:ext cx="4914900" cy="4295775"/>
            </a:xfrm>
            <a:prstGeom prst="rect">
              <a:avLst/>
            </a:prstGeom>
          </p:spPr>
        </p:pic>
        <p:sp>
          <p:nvSpPr>
            <p:cNvPr id="11" name="Полилиния 10"/>
            <p:cNvSpPr/>
            <p:nvPr/>
          </p:nvSpPr>
          <p:spPr>
            <a:xfrm rot="2735727">
              <a:off x="6586928" y="1034320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6" name="Группа 4"/>
          <p:cNvGrpSpPr/>
          <p:nvPr/>
        </p:nvGrpSpPr>
        <p:grpSpPr>
          <a:xfrm>
            <a:off x="2109137" y="0"/>
            <a:ext cx="10082864" cy="6858000"/>
            <a:chOff x="2109137" y="0"/>
            <a:chExt cx="10082864" cy="6858000"/>
          </a:xfrm>
          <a:solidFill>
            <a:schemeClr val="bg1"/>
          </a:solidFill>
          <a:effectLst>
            <a:glow rad="63500">
              <a:schemeClr val="bg2">
                <a:lumMod val="50000"/>
                <a:alpha val="40000"/>
              </a:schemeClr>
            </a:glow>
          </a:effectLst>
        </p:grpSpPr>
        <p:sp>
          <p:nvSpPr>
            <p:cNvPr id="17" name="Прямоугольник 2"/>
            <p:cNvSpPr/>
            <p:nvPr/>
          </p:nvSpPr>
          <p:spPr>
            <a:xfrm>
              <a:off x="2510919" y="0"/>
              <a:ext cx="9681082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Равнобедренный треугольник 3"/>
            <p:cNvSpPr/>
            <p:nvPr/>
          </p:nvSpPr>
          <p:spPr>
            <a:xfrm rot="16200000">
              <a:off x="1741991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2" name="TextBox 11"/>
          <p:cNvSpPr txBox="1"/>
          <p:nvPr/>
        </p:nvSpPr>
        <p:spPr>
          <a:xfrm>
            <a:off x="4436300" y="86234"/>
            <a:ext cx="316464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куренти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47651" y="1279888"/>
            <a:ext cx="5079740" cy="50797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7391" y="1547825"/>
            <a:ext cx="4888825" cy="4888825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9435717" y="3173427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iTouchless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Bio-</a:t>
            </a:r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Matic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Fingerprint Door</a:t>
            </a:r>
            <a:r>
              <a:rPr lang="ru-RU" sz="2600" b="1" dirty="0">
                <a:solidFill>
                  <a:schemeClr val="bg2">
                    <a:lumMod val="25000"/>
                  </a:schemeClr>
                </a:solidFill>
              </a:rPr>
              <a:t> 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Lock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4844280" y="3373482"/>
            <a:ext cx="2971139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SAMSUNG SHS-H700</a:t>
            </a:r>
          </a:p>
        </p:txBody>
      </p:sp>
    </p:spTree>
    <p:extLst>
      <p:ext uri="{BB962C8B-B14F-4D97-AF65-F5344CB8AC3E}">
        <p14:creationId xmlns:p14="http://schemas.microsoft.com/office/powerpoint/2010/main" val="24969677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B0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6" y="1382285"/>
            <a:ext cx="2971141" cy="3293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ереваги: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Рівень безпеки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сутність ключів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Швидкість відкривання замка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u="sng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грама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91239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WstVUE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jU1LCJHIjoyMTAsIkIiOjc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sIkciOjE3OCwiQiI6MjM4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jgsIkciOjg0LCJCIjoxMD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i0xMC0wN1QwMDowMDowMCswMzowMCIsIkVuZERhdGUiOiIyMDE4LTAxLTA3VDIzOjU5OjU5Ljk5OVoiLCJGb3JtYXQiOiJNTU0iLCJUeXBlIjoyLCJBdXRvRGF0ZVJhbmdlIjp0cnVlLCJXb3JraW5nRGF5cyI6MzEsIlRvZGF5TWFya2VyVGV4dCI6IlRvZGF5IiwiQXV0b1NjYWxlVHlwZSI6ZmFsc2V9LCJNaWxlc3RvbmVzIjpbeyIkaWQiOiIxMjMiLCJEYXRlIjoiMjAxNi0xMC0wN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OGYzZWQ3OC1hODlkLTRlZTctOTIzOS05NzIzODk0MWI1MWYiLCJJbXBvcnRJZCI6bnVsbCwiVGl0bGUiOiLQoNC+0LfRgNC+0LHQutCwINC/0L7QstC90ZbRgdGC0Y4g0YTRg9C90LrRhtGW0L7QvdGD0Y7Rh9C+0LPQviDQv9GA0L7RgtC+0YLQuNC/0YMiLCJOb3RlIjpudWxsLCJIeXBlcmxpbmsiOm51bGwsIklzQ2hhbmdlZCI6ZmFsc2UsIklzTmV3IjpmYWxzZX0seyIkaWQiOiIxMzgiLCJEYXRlIjoiMjAxNi0xMi0z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IzNywiRyI6MTI1LCJCIjo0OX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jM3LCJHIjoxMjUsIkIiOjQ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4MmQwMTdlLTllNTktNGQ2Mi1hZDMyLTFjYzAyOWE0OWUwYSIsIkltcG9ydElkIjpudWxsLCJUaXRsZSI6ItCa0L7QvdC60YPRgNGB0LgiLCJOb3RlIjpudWxsLCJIeXBlcmxpbmsiOm51bGwsIklzQ2hhbmdlZCI6ZmFsc2UsIklzTmV3IjpmYWxzZX0seyIkaWQiOiIxNTMiLCJEYXRlIjoiMjAxNy0wMS0xMl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kxLCJHIjoxNTUsIkIiOjIxM3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OTEsIkciOjE1NSwiQiI6MjE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4MDhmZjg4LWQzMmQtNGVmOC1hYmJmLWRiNTMzYTBmY2M3ZiIsIkltcG9ydElkIjpudWxsLCJUaXRsZSI6ItCd0LDQsdGW0YAg0LrQvtC80LDQvdC00LgiLCJOb3RlIjpudWxsLCJIeXBlcmxpbmsiOm51bGwsIklzQ2hhbmdlZCI6ZmFsc2UsIklzTmV3IjpmYWxzZX0seyIkaWQiOiIxNjgiLCJEYXRlIjoiMjAxNy0wMy0xN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JjMjlhMzQtMjVjZS00YzMyLTk2YjYtZTgzOTM0ZjYzN2JkIiwiSW1wb3J0SWQiOm51bGwsIlRpdGxlIjoi0KDQvtC30YDQvtCx0LrQsCDQtNC40LfQsNC50L3RgyIsIk5vdGUiOm51bGwsIkh5cGVybGluayI6bnVsbCwiSXNDaGFuZ2VkIjpmYWxzZSwiSXNOZXciOmZhbHNlfSx7IiRpZCI6IjE4MyIsIkRhdGUiOiIyMDE3LTA0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U1LCJHIjoxOTIsIkIiOjB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I1NSwiRyI6MTkyLCJCIjow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zMGU3YzVhLTA0ZDUtNGFlMC04NDFiLTQ0M2JiNGRlNDIzZCIsIkltcG9ydElkIjpudWxsLCJUaXRsZSI6ItCh0YLQstC+0YDQtdC90L3RjyDQvtGB0L7QsdC40YHRgtC40YUg0LTQtdGC0LDQu9C10LkiLCJOb3RlIjpudWxsLCJIeXBlcmxpbmsiOm51bGwsIklzQ2hhbmdlZCI6ZmFsc2UsIklzTmV3IjpmYWxzZX0seyIkaWQiOiIxOTgiLCJEYXRlIjoiMjAxNy0wNy0wMV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I2LCJHIjoxNzAsIkIiOjY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yNiwiRyI6MTcwLCJCIjo2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E3OCwiRyI6MTQsIkIiOjE4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jNDE4M2JiLTgzYjUtNDJmZC05NWI4LTI4NDFmN2NkMjk5MyIsIkltcG9ydElkIjpudWxsLCJUaXRsZSI6ItCf0L7Rh9Cw0YLQvtC6INC80LDRgdGB0L7QstC+0LPQviDQstC40LPQvtGC0L7QstC70LXQvdC90Y8iLCJOb3RlIjpudWxsLCJIeXBlcmxpbmsiOm51bGwsIklzQ2hhbmdlZCI6ZmFsc2UsIklzTmV3IjpmYWxzZX1dLCJUYXNrcyI6W3siJGlkIjoiMjQzIiwiR3JvdXBOYW1lIjpudWxsLCJTdGFydERhdGUiOiIyMDE2LTEwLTA3VDAwOjAwOjAwKzAzOjAwIiwiRW5kRGF0ZSI6IjIwMTctMDEtMTBUMjM6NTk6NTkuOTk5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CwiRyI6MTE0LCJCIjoxODh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xLCJJZCI6ImI4M2NlMTM2LTVkYjMtNDg3YS04ZjY2LTliYTNmNThjMzQzZiIsIkltcG9ydElkIjpudWxsLCJUaXRsZSI6ItCg0L7Qt9GA0L7QsdC60LAg0L/QvtCy0L3RltGB0YLRjiDRhNGD0L3QutGG0ZbQvtC90YPRjtGH0L7Qs9C+INC/0YDQvtGC0L7RgtC40L/RgyIsIk5vdGUiOm51bGwsIkh5cGVybGluayI6bnVsbCwiSXNDaGFuZ2VkIjpmYWxzZSwiSXNOZXciOmZhbHNlfSx7IiRpZCI6IjI2MyIsIkdyb3VwTmFtZSI6bnVsbCwiU3RhcnREYXRlIjoiMjAxNi0xMi0zMVQwMDowMDowMFoiLCJFbmREYXRlIjoiMjAxNy0wMi0yOFQyMzo1OTo1OS45OTl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yLCJJZCI6IjFiZWZjMTc1LWU4ZDQtNDdmNy1hMjU0LTY1NDgzMmI2ZDlmMSIsIkltcG9ydElkIjpudWxsLCJUaXRsZSI6ItCa0L7QvdC60YPRgNGB0LgiLCJOb3RlIjpudWxsLCJIeXBlcmxpbmsiOm51bGwsIklzQ2hhbmdlZCI6ZmFsc2UsIklzTmV3IjpmYWxzZX0seyIkaWQiOiIyODMiLCJHcm91cE5hbWUiOm51bGwsIlN0YXJ0RGF0ZSI6IjIwMTctMDEtMTJUMDA6MDA6MDBaIiwiRW5kRGF0ZSI6IjIwMTctMDMtMDh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jM3LCJHIjoxMjUsIkIiOjQ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MywiSWQiOiJhYmZjMGU3ZC1iNjk2LTQxMjMtODA1YS1mMjgwYTE3ZGQ2ZjIiLCJJbXBvcnRJZCI6bnVsbCwiVGl0bGUiOiLQndCw0LHRltGAINC60L7QvNCw0L3QtNC4IiwiTm90ZSI6bnVsbCwiSHlwZXJsaW5rIjpudWxsLCJJc0NoYW5nZWQiOmZhbHNlLCJJc05ldyI6ZmFsc2V9LHsiJGlkIjoiMzAzIiwiR3JvdXBOYW1lIjpudWxsLCJTdGFydERhdGUiOiIyMDE3LTAzLTA5VDAwOjAwOjAwWiIsIkVuZERhdGUiOiIyMDE3LTA0LTA0VDIzOjU5OjU5Ljk5OVo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0LCJJZCI6IjRjNGUwODM4LTYyNTMtNDkxOC1iYThkLTY3M2NiMzMxNjI2MCIsIkltcG9ydElkIjpudWxsLCJUaXRsZSI6ItCg0L7Qt9GA0L7QsdC60LAg0LTQuNC30LDQudC90YMiLCJOb3RlIjpudWxsLCJIeXBlcmxpbmsiOm51bGwsIklzQ2hhbmdlZCI6ZmFsc2UsIklzTmV3IjpmYWxzZX0seyIkaWQiOiIzMjMiLCJHcm91cE5hbWUiOm51bGwsIlN0YXJ0RGF0ZSI6IjIwMTctMDQtMDFUMDA6MDA6MDBaIiwiRW5kRGF0ZSI6IjIwMTctMDYtMDFUMjM6NTk6NTkuOTk5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2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1LCJJZCI6Ijc0OWI4MGUwLTk5MjUtNGY3MC04MWVhLTk4YjljNTc4MDgxOSIsIkltcG9ydElkIjpudWxsLCJUaXRsZSI6ItCh0YLQstC+0YDQtdC90L3RjyDQvtGB0L7QsdC40YHRgtC40YUg0LTQtdGC0LDQu9C10LkiLCJOb3RlIjpudWxsLCJIeXBlcmxpbmsiOm51bGwsIklzQ2hhbmdlZCI6ZmFsc2UsIklzTmV3IjpmYWxzZX0seyIkaWQiOiIzNDMiLCJHcm91cE5hbWUiOm51bGwsIlN0YXJ0RGF0ZSI6IjIwMTctMDYtMDJUMDA6MDA6MDBaIiwiRW5kRGF0ZSI6IjIwMTctMDYtMTBUMjM6NTk6NTkuOTk5WiIsIlBlcmNlbnRhZ2VDb21wbGV0ZSI6bnVsb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NiwiSWQiOiJjZTI1M2U4Yi05YWVkLTRmNmUtYTg5MS05MjNlZDRjMjEyNDgiLCJJbXBvcnRJZCI6bnVsbCwiVGl0bGUiOiLQl9Cx0ZbRgNC60LAiLCJOb3RlIjpudWxsLCJIeXBlcmxpbmsiOm51bGwsIklzQ2hhbmdlZCI6ZmFsc2UsIklzTmV3IjpmYWxzZX0seyIkaWQiOiIzNjMiLCJHcm91cE5hbWUiOm51bGwsIlN0YXJ0RGF0ZSI6IjIwMTctMDQtMDFUMDA6MDA6MDBaIiwiRW5kRGF0ZSI6IjIwMTctMDYtMzBUMjM6NTk6NTkuOTk5WiIsIlBlcmNlbnRhZ2VDb21wbGV0ZSI6bnVsb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xLjAsIkxpbmVUeXBlIjowLCJQYXJlbnRTdHlsZSI6eyIkcmVmIjoiOTUifX0sIlZlcnRpY2FsQ29ubmVjdG9yU3R5bGUiOnsiJGlkIjoiMz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xLCJHIjo0OSwiQiI6MTUy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NywiSWQiOiJjZWI3ZjkwZC05ZWM4LTRkOGYtYTQyMy0zNGU5YTU2MTkxODciLCJJbXBvcnRJZCI6bnVsbCwiVGl0bGUiOiLQn9GA0L7Qs9GA0LDQvNGD0LLQsNC90L3RjyIsIk5vdGUiOm51bGwsIkh5cGVybGluayI6bnVsbCwiSXNDaGFuZ2VkIjpmYWxzZSwiSXNOZXciOmZhbHNlfSx7IiRpZCI6IjM4MyIsIkdyb3VwTmFtZSI6bnVsbCwiU3RhcnREYXRlIjoiMjAxNy0wNy0wMVQwMDowMDowMFoiLCJFbmREYXRlIjoiMjAxNy0wNy0zMVQyMzo1OTo1OS45OTlaIiwiUGVyY2VudGFnZUNvbXBsZXRlIjpudWxsLCJTdHlsZSI6eyIkaWQiOiIzODQiLCJTaGFwZSI6MC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EuMCwiTGluZVR5cGUiOjAsIlBhcmVudFN0eWxlIjp7IiRyZWYiOiI5NSJ9fSwiVmVydGljYWxDb25uZWN0b3JTdHlsZSI6eyIkaWQiOiIz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2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4LCJJZCI6IjIyMzk3MWE4LTE2MzYtNDMxMy1iYjljLWNlNTY1M2Q5Nzc2YSIsIkltcG9ydElkIjpudWxsLCJUaXRsZSI6Iktpa3N0YXJ0ZXIiLCJOb3RlIjpudWxsLCJIeXBlcmxpbmsiOm51bGwsIklzQ2hhbmdlZCI6ZmFsc2UsIklzTmV3IjpmYWxzZX0seyIkaWQiOiI0MDMiLCJHcm91cE5hbWUiOm51bGwsIlN0YXJ0RGF0ZSI6IjIwMTctMDgtMDFUMDA6MDA6MDBaIiwiRW5kRGF0ZSI6IjIwMTctMDktMzBUMjM6NTk6NTkuOTk5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xLjAsIkxpbmVUeXBlIjowLCJQYXJlbnRTdHlsZSI6eyIkcmVmIjoiOTUifX0sIlZlcnRpY2FsQ29ubmVjdG9yU3R5bGUiOnsiJGlkIjoiND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2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5LCJJZCI6Ijk2ZDYzZjMzLWUwNjYtNDc0Zi1hOWIyLTJhM2VkN2YxZTc1YSIsIkltcG9ydElkIjpudWxsLCJUaXRsZSI6ItCX0LDQstC10YDRiNC10L3QvdGPINC60ZbQvdGG0LXQstC+0LPQviDRgtC+0LLQsNGA0YMiLCJOb3RlIjpudWxsLCJIeXBlcmxpbmsiOm51bGwsIklzQ2hhbmdlZCI6ZmFsc2UsIklzTmV3IjpmYWxzZX0seyIkaWQiOiI0MjMiLCJHcm91cE5hbWUiOm51bGwsIlN0YXJ0RGF0ZSI6IjIwMTctMTAtMDFUMDA6MDA6MDBaIiwiRW5kRGF0ZSI6IjIwMTctMTAtMDhUMjM6NTk6NTkuOTk5WiIsIlBlcmNlbnRhZ2VDb21wbGV0ZSI6bnVsbCwiU3R5bGUiOnsiJGlkIjoiNDI0IiwiU2hhcGUiOjA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xLjAsIkxpbmVUeXBlIjowLCJQYXJlbnRTdHlsZSI6eyIkcmVmIjoiOTUifX0sIlZlcnRpY2FsQ29ubmVjdG9yU3R5bGUiOnsiJGlkIjoiND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CwiSWQiOiI5ZmQ3ZjQyYi0yOThkLTRmODItYjAyNy0zMTIzMTU1ODEwN2QiLCJJbXBvcnRJZCI6bnVsbCwiVGl0bGUiOiLQn9C+0YfQsNGC0L7QuiDQvNCw0YHRgdC+0LLQvtCz0L4g0LLQuNCz0L7RgtC+0LLQu9C10L3QvdGPIiwiTm90ZSI6bnVsbCwiSHlwZXJsaW5rIjpudWxsLCJJc0NoYW5nZWQiOmZhbHNlLCJJc05ldyI6ZmFsc2V9XSwiTXNQcm9qZWN0SXRlbXNUcmVlIjp7IiRpZCI6IjQ0MyIsIlJvb3QiOnsiSW1wb3J0SWQiOm51bGwsIklzSW1wb3J0ZWQiOmZhbHNlLCJDaGlsZHJlbiI6W119fSwiTWV0YWRhdGEiOnsiJGlkIjoiNDQ0In0sIlNldHRpbmdzIjp7IiRpZCI6IjQ0NSIsIkltcGFPcHRpb25zIjp7IiRpZCI6IjQ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09</TotalTime>
  <Words>244</Words>
  <Application>Microsoft Office PowerPoint</Application>
  <PresentationFormat>Widescreen</PresentationFormat>
  <Paragraphs>102</Paragraphs>
  <Slides>20</Slides>
  <Notes>0</Notes>
  <HiddenSlides>0</HiddenSlides>
  <MMClips>1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4" baseType="lpstr">
      <vt:lpstr>Arial</vt:lpstr>
      <vt:lpstr>Calibri</vt:lpstr>
      <vt:lpstr>Calibri Light</vt:lpstr>
      <vt:lpstr>Тема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Федоренко Олексій</dc:creator>
  <cp:lastModifiedBy>Федоренко Олексій</cp:lastModifiedBy>
  <cp:revision>99</cp:revision>
  <dcterms:created xsi:type="dcterms:W3CDTF">2016-03-19T16:47:55Z</dcterms:created>
  <dcterms:modified xsi:type="dcterms:W3CDTF">2017-03-13T22:29:49Z</dcterms:modified>
</cp:coreProperties>
</file>